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15 - 2022 - 215. (Príprava) MR prístroj\03. Príprava\04. PTK\01. Odoslanie PTK\"/>
    </mc:Choice>
  </mc:AlternateContent>
  <bookViews>
    <workbookView xWindow="0" yWindow="0" windowWidth="23040" windowHeight="9195"/>
  </bookViews>
  <sheets>
    <sheet name="Cenová ponuka" sheetId="8" r:id="rId1"/>
  </sheets>
  <definedNames>
    <definedName name="_xlnm.Print_Area" localSheetId="0">'Cenová ponuka'!$B$1:$F$35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67" uniqueCount="597">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Kalkulácia ceny a návrh na plnenie kritéria na vyhodnotenie ponúk - Štruktúrovaný rozpočet ceny predmetu zákazky</t>
  </si>
  <si>
    <t>Položka č. 2</t>
  </si>
  <si>
    <t>50421000-2   Opravy a údržba lekárskych zariadení</t>
  </si>
  <si>
    <t>Pozáručný servis pre položku č.1</t>
  </si>
  <si>
    <t>Položka č. 1 a č. 2</t>
  </si>
  <si>
    <t>80510000-2   Služby týkajúce sa odborných školení</t>
  </si>
  <si>
    <t>Položka č. 2 - Pozáručný servis pre položku č.1</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3.</t>
  </si>
  <si>
    <t>14.</t>
  </si>
  <si>
    <t>15.</t>
  </si>
  <si>
    <t>16.</t>
  </si>
  <si>
    <t>17.</t>
  </si>
  <si>
    <t>18.</t>
  </si>
  <si>
    <t>19.</t>
  </si>
  <si>
    <t>20.</t>
  </si>
  <si>
    <t>21.</t>
  </si>
  <si>
    <t>2.1.</t>
  </si>
  <si>
    <t>2.2.</t>
  </si>
  <si>
    <t>2.3.</t>
  </si>
  <si>
    <t>2.4.</t>
  </si>
  <si>
    <t>2.5.</t>
  </si>
  <si>
    <t>2.6.</t>
  </si>
  <si>
    <t>9.1.</t>
  </si>
  <si>
    <t>9.2.</t>
  </si>
  <si>
    <t>9.3.</t>
  </si>
  <si>
    <t>9.4.</t>
  </si>
  <si>
    <t>9.5.</t>
  </si>
  <si>
    <t>9.6.</t>
  </si>
  <si>
    <t>9.7.</t>
  </si>
  <si>
    <t>9.8.</t>
  </si>
  <si>
    <t>9.9.</t>
  </si>
  <si>
    <t>9.10.</t>
  </si>
  <si>
    <t>10.1.</t>
  </si>
  <si>
    <t>11.1.</t>
  </si>
  <si>
    <t>11.2.</t>
  </si>
  <si>
    <t>12.1.</t>
  </si>
  <si>
    <t>12.2.</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v pracovných dňoch,</t>
  </si>
  <si>
    <t>oprava vád a porúch prístroja, t.j. uvedenie prístroja do stavu plnej využiteľnosti vzhľadom k jeho technickým parametrom,</t>
  </si>
  <si>
    <t>dodávky a zabudovanie náhradných dielov, ktoré sú potrebné k riadnej a bezporuchovej prevádzke prístroja, vrátane demontáže, odvozu a likvidácie použitého a nepotrebného spotrebného materiálu a náhradných dielov,</t>
  </si>
  <si>
    <t>vykonanie ďalších servisných úkonov a činností predpísaných príslušnou právnou úpravou a aplikovateľnými normami,</t>
  </si>
  <si>
    <t>vykonanie akýchkoľvek neplánovaných opráv a údržby, ktoré nevyplývajú zo servisného plánu výrobcu prístroja, ak takáto oprava je nevyhnutná za účelom zabezpečenia prevádzky prístroja, vrátane generálnej opravy,</t>
  </si>
  <si>
    <t>Dodávateľ je povinný počas trvania záručnej doby odstrániť vady v nasledujúcich lehotách od nástupu na opravu:</t>
  </si>
  <si>
    <t>Požaduje sa služby pozáručnej starostlivosti vykonávať v súlade so známymi a najnovšími technologickými poznatkami výrobcu prístroja.</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Dodávateľ za vady servisnej služby nezodpovedá v prípade, ak boli spôsobené:</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j. krajina kde bol tovar vyrobený).</t>
  </si>
  <si>
    <t>po predchádzajúcom preukázateľnom upovedomení Objednávateľa minimálne päť (5) pracovných dní vopred tak, aby Objednávateľ mohol poskynúť potrebnú súčinnosť pri dodaní,</t>
  </si>
  <si>
    <t xml:space="preserve">Objednávateľ zabezpečí za účelom prevzatia prístroja prístup pre osoby poverené Dodávateľom na čas nevyhnutný na vyloženie, kompletizáciu a inštaláciu prístroja. </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j. servisný update softwarového vybavenia prístroja, zároveň sa vyžaduje k splneniu uvedenej povinnosti poskytnutie súčinnosti Objednávateľa, </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 s výnimkou vád uvedených v bode 21.,</t>
  </si>
  <si>
    <t>práce (servisné hodiny) a dojazdy servisných technikov Dodávateľa do miesta inštalácie prístroja v rámci zabezpečenia záručného servisu,</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aby v prípade vykonania opravy, na ktorú Objednávateľ Dodávateľa vopred upozorní, bola oprava vykonaná nasledovne:</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garantovať prevádzkyschopnosť prístroja minimálne 95% doby počas poskytovania pozáručných služieb.</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v dôsledku živelnej pohromy, vyššej moci alebo vandalizmu,</t>
  </si>
  <si>
    <t>inštaláciou, prevádzkou a údržbou prítroja v rozpore s návodom na obsluhu,</t>
  </si>
  <si>
    <t>neoprávneným zásahom tretích osôb,</t>
  </si>
  <si>
    <t>prevádzkovaním prístroja v prostredí, ktoré je v rozpore s technickými podmienkami stanovenými výrobcom, príp. Dodávateľom</t>
  </si>
  <si>
    <t>Požaduje sa v prípade náhradných dielov v každom osobitnom prípade súhlas Objednávateľa s kúpu a montážou náhradného dielu a odsúhlasenie jeho ceny.</t>
  </si>
  <si>
    <t xml:space="preserve">V prípade, ak Objednávateľ na základe prieskumu trhu zistí, že: </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 xml:space="preserve">nedisponuje inou ponukou ako je ponuka Dodávateľa a zároveň cena náhradného dielu nie je vyššia ako 10% oproti cene uvedenej v Prílohe č. 1 - Kalkulácia ceny, Objednávateľ je oprávnený pristúpiť k vystaveniu objednávky. </t>
  </si>
  <si>
    <t>Požaduje sa možnosť uplatnenia si náhrady škody u Dodávateľa vo výške vzniknutého finančného rozdielu výslednej ceny predmetu zákazky a obvyklej trhovej ceny predmetu zákazky v prípade nedodržania požiadavky uvedenej v bode 34.</t>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V súlade s § 25 zákona č. 343/2015 Z. z. o verejnom obstarávaní za účelom stanovenia požiadaviek (transparentných) na predmet zákazky a predpokladanej hodnoty zákazky.</t>
  </si>
  <si>
    <t>Odstránenie poruchy do 72 hodín, v prípade nedostupnosti náhradného dielu, po dohode s objednávateľom.</t>
  </si>
  <si>
    <t>Požaduje sa uzatvorenie kúpnej zmluvy s pozáručným servisom.</t>
  </si>
  <si>
    <t>Požaduje sa splnenie predmetu zákazky:</t>
  </si>
  <si>
    <t>v čase od 07:00 hod. do 14:30 hod.,</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oprava vady, pri ktorej nie je potrebná dodávka náhradného dielu najneskôr do 48 hodín,</t>
  </si>
  <si>
    <t>oprava vady s dodávkou náhradného dielu najneskôr do 72 hodín.</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Požaduje sa vykonávať pozáručnú servisnú starostlivosť v pracovných dňoch v čase od 07:00 hod. do 15:00 hod, ak sa Objednávateľ a Dodávateľ nedohodnú inak.</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aby výsledná cena predmetu zákazky ponúknutá Dodávateľom bola v súlade s aktuálne (t.j. v čase lehoty na predkladanie ponúk) obvyklou trhovou cenou predmetu zákazk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V prípade, ak sa na predmet zákazky vykonala prípravná trhová konzultácia, informácie k prípravnej trhovej konzultácie verejný obstarávateľ zverejňuje na internetovej stránke: www.vusch.sk/verejne-obstaravanie/</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20.1.</t>
  </si>
  <si>
    <t>20.2.</t>
  </si>
  <si>
    <t>30.1.</t>
  </si>
  <si>
    <t>30.2.</t>
  </si>
  <si>
    <t>30.3.</t>
  </si>
  <si>
    <t>30.4.</t>
  </si>
  <si>
    <t>32.1</t>
  </si>
  <si>
    <t>32.2</t>
  </si>
  <si>
    <r>
      <t xml:space="preserve">Požaduje sa poskytovanie pozáručného servisu pre </t>
    </r>
    <r>
      <rPr>
        <sz val="10"/>
        <color rgb="FFFF0000"/>
        <rFont val="Arial"/>
        <family val="2"/>
        <charset val="238"/>
      </rPr>
      <t>položku č. 1</t>
    </r>
    <r>
      <rPr>
        <sz val="10"/>
        <rFont val="Arial"/>
        <family val="2"/>
        <charset val="238"/>
      </rPr>
      <t xml:space="preserve"> po dobu 5 rokov (60 kalendárnych mesiacov), pričom za začiatok tohto poskytovania sa považuje deň nasledujúci po poslednom dni záručnej doby.</t>
    </r>
  </si>
  <si>
    <t>do 60 pracovných dní odo dňa doručenia objednávky vystavenej Objednávateľom (do termínu sa nezapočítavajú dni pracovného voľna, pracovného pokoja a štátne sviatky) na základe uzatvorenej kúpnej zmluvy.
Vystavenie objednávky je závislé od technologického projektu ponuky úspešného uchádzača a s tým súvisiaciej dĺžky a zložitosti stavebných úprav priestorov, 
v ktorých bude prístroj umiestnený.</t>
  </si>
  <si>
    <t>33113000-5   Zobrazovacie zariadenie pre magnetickú rezonanciu</t>
  </si>
  <si>
    <t>33111610-0   Jednotka magnetickej rezonancie</t>
  </si>
  <si>
    <t>Základné parametre</t>
  </si>
  <si>
    <t>1.1</t>
  </si>
  <si>
    <t>Intenzita magnetického poľa:  min. 1,5 T</t>
  </si>
  <si>
    <t>1.2</t>
  </si>
  <si>
    <t>Priemer pacientského otvoru (Gantry) v najužšom bode:  min. 69 cm</t>
  </si>
  <si>
    <t>1.3</t>
  </si>
  <si>
    <t>Maximálna FOV v osiach XYZ v cm:  min. 50x50x50 cm</t>
  </si>
  <si>
    <t>Gradienty</t>
  </si>
  <si>
    <t>2.1</t>
  </si>
  <si>
    <t>Maximálna dosiahnuteľná amplitúda v každej osi:   min. 44 mT/m</t>
  </si>
  <si>
    <t>2.2</t>
  </si>
  <si>
    <t>Maximálna dosiahnuteľná strmosť v každej osi:   min. 200  T/m/s</t>
  </si>
  <si>
    <t>2.3</t>
  </si>
  <si>
    <t>Schopnosť súčasného využitia požadovanej max. amplitúdy a požadovanej max. strmosti.</t>
  </si>
  <si>
    <t>2.4</t>
  </si>
  <si>
    <t>Duty cycle:  min. 100 %</t>
  </si>
  <si>
    <t>RF systém</t>
  </si>
  <si>
    <t>3.1</t>
  </si>
  <si>
    <t>Maximálny výkon RF-systému:   min. 15 kW</t>
  </si>
  <si>
    <t>3.2</t>
  </si>
  <si>
    <t>Maximálny počet súčasne pripojiteľných cievkových elementov:   120 počet</t>
  </si>
  <si>
    <t>3.3</t>
  </si>
  <si>
    <t>Počet nezávislých, súčasne aktívnych a snímajúcich prijímacích RF kanálov, z ktorých prístroj dokáže súčasne prijímať dáta v jednom scane a v jednom FOV (definovanom v podmienke "max. FOV v osiach XYZ" podľa bodu 1.3), pričom je požadované preukázať schopnosť prístroja splniť tento, alebo vyšší počet pomocou dodaného vybavenia prístroja (ponúkané vlastnosti prístroja a ponúkaná výbava RF cievok) pri efektívnom vyšetrení (akékoľvek vyšetrenie, ktoré dokáže zobraziť časť alebo orgán ľudského tela a ktoré je uskutočniteľné v praxi na dodanom prístroji a dodaných RF cievkach) tak, že každý z požadovaného minimáneho počtu kanálov prispieva svojim parciálnym obrazom k celkovému obrazu:  min. 45</t>
  </si>
  <si>
    <t>3.4</t>
  </si>
  <si>
    <t>Počet cievkových elementov hlavo-krčnej cievky (skutočný počet elementov samotnej cievky):   min. 20</t>
  </si>
  <si>
    <t>3.5</t>
  </si>
  <si>
    <t>Počet cievkových elementov chrbticovej cievky v rozsahu 120 cm v ose Z (skutočný počet elementov samotnej cievky v rozsahu 120 cm v ose Z):   min. 30</t>
  </si>
  <si>
    <t>3.6</t>
  </si>
  <si>
    <t>Počet cievkových elementov v jednom FOV brušnej/hrudnej/anteriórnej cievky (kombinácia anteriórnej a posteriórnej časti) (pokiaľ cievka nepokrýva celý FOV v osi Z, potom je potrebné dodať dodatočnú cievku tak, aby tieto cievky v kombinácii pokrývali celý FOV v osi Z)  min. 45</t>
  </si>
  <si>
    <t>3.7</t>
  </si>
  <si>
    <t>Počet cievkových elementov cievky pokrývajúcej nohy - Peripheral vascular (samotnej cievky bez kombinácie s posteriórnou cievkou) - akceptuje sa iba splnenie dedikovanou cievkou obopínajúcou každú nohu zvlášť zhora a z oboch strán a nie napríklad dodatočnou brušnou/hrudnou/anteriórnou cievkou:  min. 35</t>
  </si>
  <si>
    <t>3.8</t>
  </si>
  <si>
    <t>Počet cievkových elementov dedikovanej kolennej cievky (skutočný počet elementov samotnej cievky), musí splniť Tx/Rx:   min. 16 a Tx/Rx</t>
  </si>
  <si>
    <t>3.9</t>
  </si>
  <si>
    <t>Počet cievkových elementov dedikovanej ramennej cievky (skutočný počet elementov samotnej cievky):  minh. 16</t>
  </si>
  <si>
    <t>3.10</t>
  </si>
  <si>
    <t>Počet cievkových elementov v jednom FOV riešenia pediatrického vyšetrenia pomocou dedikovanej hlavovej pediatrickej cievky min. 15 kanálov</t>
  </si>
  <si>
    <t>3.11</t>
  </si>
  <si>
    <t>Počet cievkových elementov flexibilnej cievky s rozmermi na kratšom rozmere v intervale 25 až 45 cm, na dlhšom rozmere v intervale 45 až 65 cm min. 16 kanálov</t>
  </si>
  <si>
    <t>3.12</t>
  </si>
  <si>
    <t>Počet cievkových elementov flexibilnej cievky s rozmermi na kratšom rozmere v intervale 35 až 45 cm, na dlhšom rozmere v intervale 55 až 65 cm min. 16 kanálov</t>
  </si>
  <si>
    <t>3.13</t>
  </si>
  <si>
    <t xml:space="preserve">Špeciálna cievka s minimálne 4 kanálmi pre vyšetrovanie malých štruktúr pod povrchom ako je detské srdce či karotída s rozmerom plochy aktívnej minimálne 9x9 cm </t>
  </si>
  <si>
    <t>3.14</t>
  </si>
  <si>
    <t>Kombinácia prijímacích cievok v jednom scane.</t>
  </si>
  <si>
    <t>3.15</t>
  </si>
  <si>
    <t>Maximálny scan range celotelový (cm) bez prepolohovania pacienta a prepájania cievok:  200 cm</t>
  </si>
  <si>
    <t>Stabilitata/homogenita sytému</t>
  </si>
  <si>
    <t>4.1</t>
  </si>
  <si>
    <t>stabilita v ppm/h:  max. 0,1 ppm/h</t>
  </si>
  <si>
    <t>4.2</t>
  </si>
  <si>
    <t>aktívne tienenie</t>
  </si>
  <si>
    <t>4.3</t>
  </si>
  <si>
    <t>Zaručená homogenita ppm 40 cm:  max. 1 ppm</t>
  </si>
  <si>
    <t>4.4</t>
  </si>
  <si>
    <t>Zaručená homogenita ppm 30 cm:  max. 0,25 ppm</t>
  </si>
  <si>
    <t>4.5</t>
  </si>
  <si>
    <t>Zaručená homogenita ppm 20 cm:  max. 0,1 ppm</t>
  </si>
  <si>
    <t>4.6</t>
  </si>
  <si>
    <t>Zaručená homogenita ppm 10 cm:  max. 0,1 ppm</t>
  </si>
  <si>
    <t>Vlastnosti scanu</t>
  </si>
  <si>
    <t>5.1</t>
  </si>
  <si>
    <t>Scan - min. hrúbka vrstvy 2D v mm:  max. 0,5 mm</t>
  </si>
  <si>
    <t>5.2</t>
  </si>
  <si>
    <t>Scan - min. hrúbka vrstvy v  3D v mm:  max. 0,1 mm</t>
  </si>
  <si>
    <t>Iné funkčné vlastnosti</t>
  </si>
  <si>
    <t>6.1</t>
  </si>
  <si>
    <t>Technológia potlačenia pohybových artefaktov.</t>
  </si>
  <si>
    <t>6.2</t>
  </si>
  <si>
    <t>Optický penos signálu od rf-systému.</t>
  </si>
  <si>
    <t>6.3</t>
  </si>
  <si>
    <t>Redukcia hluku.</t>
  </si>
  <si>
    <t>6.4</t>
  </si>
  <si>
    <t>Kopírovanie parametrov vyšetrení do nových akvizícií.</t>
  </si>
  <si>
    <t>6.5</t>
  </si>
  <si>
    <t>Opakovanie štúdií pri zachovaní parametrov predchádzajúcich vyšetrení.</t>
  </si>
  <si>
    <t>6.6</t>
  </si>
  <si>
    <t>Synchronizácia s EKG a zároveň dodaný hardware pre monitoring EKG pre všetky typy vyšetrení a cievok vyžadujúce monitoring EKG.</t>
  </si>
  <si>
    <t>Priestorové, energetické a fyzické nároky/vlastnosti</t>
  </si>
  <si>
    <t>7.1</t>
  </si>
  <si>
    <t>Celková dĺžka magnetu vrátane krytov a iných súčastí:   max. 2,1 m</t>
  </si>
  <si>
    <t>7.2</t>
  </si>
  <si>
    <t>Ročná spotreba hélia v litroch: 0 l</t>
  </si>
  <si>
    <t>7.3</t>
  </si>
  <si>
    <t>Lôžko - max. hmotnosť pacienta v kg:   min. 220 kg so zachovaním horizontálneho a vertikálneho motorického pohybu.</t>
  </si>
  <si>
    <t>7.4</t>
  </si>
  <si>
    <t xml:space="preserve">Plne odnímateľný pacientsky stôl na kolieskach od gantry (tela) MR pre rýchlu evakuáciu pacienta v núdzovej situácii. Má sa na mysli schopnosť úplného odpojenia pacientského lôžka aj s jeho spodnou bázou na kolieskach a schopnosť jeho transportu mimo faradayovej klientky. </t>
  </si>
  <si>
    <t>Počítač</t>
  </si>
  <si>
    <t>8.1</t>
  </si>
  <si>
    <t>Počet jadier procesora rekonštrukčného počítača:   min. 8</t>
  </si>
  <si>
    <t>8.2</t>
  </si>
  <si>
    <t>Frekvencia procesora Ghz rekonštrukčného počítača:   min. 2,4</t>
  </si>
  <si>
    <t>8.3</t>
  </si>
  <si>
    <t>Operačná pamäť GB rekonštrukčného počítača:   min. 64 GB</t>
  </si>
  <si>
    <t>8.4</t>
  </si>
  <si>
    <t>Počet rekonštruovaných obr./sek. v matici 256x256, plné FOV:   min. 40 000 počet/sekunda</t>
  </si>
  <si>
    <t>8.5</t>
  </si>
  <si>
    <t>Monitor v inch ´´:   min. 22 inch</t>
  </si>
  <si>
    <t>8.6</t>
  </si>
  <si>
    <t>Úložný priestor - maximálny počet uložených snímkov:   min. 400 GB</t>
  </si>
  <si>
    <t>8.7</t>
  </si>
  <si>
    <t>UPS k dodaným počítačom na zabezpečenie funkčnosti pri výpadku el.prúdu po dobu minimálne 30 minút.</t>
  </si>
  <si>
    <t>8.8</t>
  </si>
  <si>
    <t>Archivácia vyšetrení na CD a DVD.</t>
  </si>
  <si>
    <t>Software</t>
  </si>
  <si>
    <t>9.1</t>
  </si>
  <si>
    <t>Základné sekvencie a vyšetrovacie metódy pre orgány celého tela.</t>
  </si>
  <si>
    <t>9.2</t>
  </si>
  <si>
    <t>3D iso sekvenia typu FLAIR, resp. T2 TIRM dark fluid alebo T2 spc dark fluid.</t>
  </si>
  <si>
    <t>9.3</t>
  </si>
  <si>
    <t>3D iso sekvencia typu SPACE/CUBE/VISTA/3D MVOX - pre váženia T2, PD a T1.</t>
  </si>
  <si>
    <t>9.4</t>
  </si>
  <si>
    <t>3D iso sekvencia typu CISS/FIESTA-C.</t>
  </si>
  <si>
    <t>9.5</t>
  </si>
  <si>
    <t>3D iso sekvencia typu T1 MPRage/3dfgre a 3d fast spgr/ T1 3D TFE/3D Fast FE.</t>
  </si>
  <si>
    <t>9.6</t>
  </si>
  <si>
    <t>3D sekvencia typu T1 VIBE/FAME a LAVA/THRIVE/RADIANCE a 3D QUICK.</t>
  </si>
  <si>
    <t>9.7</t>
  </si>
  <si>
    <t>Sekvencia typu HASTE/Single-Shot FSE/Single-Shot TSE/FASE a DIET.</t>
  </si>
  <si>
    <t>9.8</t>
  </si>
  <si>
    <t>Sekvencia typu TRUFI/FIESTA/Bal. FFE/True SSFP.</t>
  </si>
  <si>
    <t>9.9</t>
  </si>
  <si>
    <t>Sekvencia typu medic/merge/m-ffe.</t>
  </si>
  <si>
    <t>9.10</t>
  </si>
  <si>
    <t>Sekvencia typu Blade/Propeller/MultiVane/JET - minimálne na oblasť hlavy a chrbtice.</t>
  </si>
  <si>
    <t>9.11</t>
  </si>
  <si>
    <t>Paralelné akvizičné techniky.</t>
  </si>
  <si>
    <t>9.12</t>
  </si>
  <si>
    <t>Neuro vyšetrenia vrátane 3D zobrazovanie (FLAIR, T1, T2).</t>
  </si>
  <si>
    <t>9.13</t>
  </si>
  <si>
    <t>Sekvencia DWI  - typu HASTE alebo EPI (vyšetrenia hlavy, krku, brucha, panvy) + tvorba ADC máp.</t>
  </si>
  <si>
    <t>9.14</t>
  </si>
  <si>
    <t>MR perfúzia (kontrastné T2* s výpočtom CBV, CBF, TTP, MTT automaticky aj s výberom AIF s tvorbou parametrických máp, DCE T1 s výpočtom a tvorbou parametrických máp Ktrans, Ve).</t>
  </si>
  <si>
    <t>9.15</t>
  </si>
  <si>
    <t>3D arterial spin labeling.</t>
  </si>
  <si>
    <t>9.16</t>
  </si>
  <si>
    <t>Cielené zobrazenie pyramíd a hlavových nervov (3D GRE).</t>
  </si>
  <si>
    <t>9.17</t>
  </si>
  <si>
    <t>Veľmi rýchle sekvencie s vysokým rozlíšením a extrémne krátkymi akvizičnými časmi určené primárne pre T2-vážené zobrazovanie.</t>
  </si>
  <si>
    <t>9.18</t>
  </si>
  <si>
    <t>Sekvencie pre redukciu artefaktov od metalických materiálov.</t>
  </si>
  <si>
    <t>9.19</t>
  </si>
  <si>
    <t>Sekvencie so supresiou tuku.</t>
  </si>
  <si>
    <t>9.20</t>
  </si>
  <si>
    <t>Sekvencie a software pre kvantifikáciu toku v cievach (software pre vaskulárne analýzy).</t>
  </si>
  <si>
    <t>9.21</t>
  </si>
  <si>
    <t>Sekvencie a software pre kvantifikáciu pomalých tokov (likvoru).</t>
  </si>
  <si>
    <t>9.22</t>
  </si>
  <si>
    <t>MRA intrakraniálnych ciev metódov TOF 3D, PC 3D, CE MRA 3D intrakraniálnych a krčných ciev.</t>
  </si>
  <si>
    <t>9.23</t>
  </si>
  <si>
    <t>SWI.</t>
  </si>
  <si>
    <t>9.24</t>
  </si>
  <si>
    <t>DWI.</t>
  </si>
  <si>
    <t>9.25</t>
  </si>
  <si>
    <t>DCE.</t>
  </si>
  <si>
    <t>9.26</t>
  </si>
  <si>
    <t>Vybavenie na snímanie EKG, pulzu.</t>
  </si>
  <si>
    <t>9.27</t>
  </si>
  <si>
    <t>Systém a sekvencie pre dychový gating.</t>
  </si>
  <si>
    <t>9.28</t>
  </si>
  <si>
    <t>Možnosť celotelového vyšetrenia vrátane DWI s najvyšším b faktorom minimálne 1000; protokoly a sekvencie najmä pre detekciu metastáz, posun stola umožňujúci celotelové vyšetrenie bez zmeny polohy pacienta na stole, možnosť spoločného plánovania sekvencií v rôznych úrovniach.</t>
  </si>
  <si>
    <t>9.29</t>
  </si>
  <si>
    <t>Systém pre skladanie čiastkových obrazov do jedného obrazu s potlačením ich prechodov (pre anatomické i angiografické obrazy), software pre skladanie obrazov z rôznych polôh stola do jedného anatomického celku - celotelové zobrazovanie.</t>
  </si>
  <si>
    <t>9.30</t>
  </si>
  <si>
    <t>Technológia pre zníženie hluku v pacientskom tuneli.</t>
  </si>
  <si>
    <t>9.31</t>
  </si>
  <si>
    <t>K pohybu objektu necitlivá multi-shot turbo spin-echo sekvencia pre všetky oblasti tela s inter-shot pohybovou korekciou.</t>
  </si>
  <si>
    <t>9.32</t>
  </si>
  <si>
    <t>Možnosť radiálneho náberu dát K-priestoru.</t>
  </si>
  <si>
    <t>9.33</t>
  </si>
  <si>
    <t>Syntetizácia difúznych snímkov s b-faktorom 1500 alebo vyšším pomocou už realizovaných DWI snímkov s nižším b-faktorom alebo skutočne namerané dáta.</t>
  </si>
  <si>
    <t>9.34</t>
  </si>
  <si>
    <t>Auto Align sekvencie pri vyšetreniach hlavy.</t>
  </si>
  <si>
    <t>9.35</t>
  </si>
  <si>
    <t>3D aplikácie pre excelentné vizualizácie jemných štruktúr.</t>
  </si>
  <si>
    <t>9.36</t>
  </si>
  <si>
    <t>Vyšetrenie chrbtice so zobrazením celej chrbtice vo vysokom rozlíšení a MR myelografií.</t>
  </si>
  <si>
    <t>9.37</t>
  </si>
  <si>
    <t>Balík aplikácií pre neurologické vyšetrenia, difúzie s vysokým rozlíšením.</t>
  </si>
  <si>
    <t>9.38</t>
  </si>
  <si>
    <t>Sekvencie pre zobrazovanie čerstvého vnútrolebečného krvácania, mikrokrvácania.</t>
  </si>
  <si>
    <t>9.39</t>
  </si>
  <si>
    <t>Balík aplikácií pre ortopedické vyšetrenia, vrátane zobrazovania muskuloskeletálneho aparátu a chrupaviek.</t>
  </si>
  <si>
    <t>9.40</t>
  </si>
  <si>
    <t>Zobrazovanie orgánov hrudníka a krku.</t>
  </si>
  <si>
    <t>9.41</t>
  </si>
  <si>
    <t>Balík aplikácií pre pediatrické vyšetrenia.</t>
  </si>
  <si>
    <t>9.42</t>
  </si>
  <si>
    <t>Systém pre skladanie čiastkových obrazov do jedného obrazu s potlačením ich prechodov (pre anatomické i angiografické obrazy).</t>
  </si>
  <si>
    <t>9.43</t>
  </si>
  <si>
    <t>Sekvencie pre vyšetrenie T1 vážených obrazov v 3D bez potreby zadržania dychu.</t>
  </si>
  <si>
    <t>9.44</t>
  </si>
  <si>
    <t>Perfúzne vyšetrenie bez kontrastnej látky v 2D a 3D (povoluje sa 2D rekonštruovať z 3D).</t>
  </si>
  <si>
    <t>9.45</t>
  </si>
  <si>
    <t>Balík aplikácií pre angiografiu, MR angiografické vyšetrenie bezkontrastné aj kontrastné.</t>
  </si>
  <si>
    <t>9.46</t>
  </si>
  <si>
    <t>Sekvencie pre 4D MR angiografiu (celého tela vrátane karotídy či periférnych ciev).</t>
  </si>
  <si>
    <t>9.47</t>
  </si>
  <si>
    <t>Automatický asistent pre angiografické vyšetrenie s hlasovými a obrazovými pokynmi, s automatickou detekciou arteriálneho/venózneho časového okna.</t>
  </si>
  <si>
    <t>9.48</t>
  </si>
  <si>
    <t>Automatická detekcioa kontrastu v srdci s následným automatickým spustením dynamického protokolu.</t>
  </si>
  <si>
    <t>9.49</t>
  </si>
  <si>
    <t>Kalkulácia kvantitatívnych T1, T2 a T2* parametrických máp srdca – bez nutnosti postprocessingu.</t>
  </si>
  <si>
    <t>9.50</t>
  </si>
  <si>
    <t>Compressed sensing technika pre 2D zobrazenie srdca v reálnom čase (cine)</t>
  </si>
  <si>
    <t>9.51</t>
  </si>
  <si>
    <t>Automatický asistent pre vyšetrenie srdca s hlasovými a obrazovými pokynmi, s automatickým výpočtom FoV.</t>
  </si>
  <si>
    <t>9.52</t>
  </si>
  <si>
    <t>Automatická úprava skenovacích parametrov na základe tepu srdca pacientra.</t>
  </si>
  <si>
    <t>9.53</t>
  </si>
  <si>
    <t>Sekvencie pre 3D bezkontrastné koronárne MRA celého srdca.</t>
  </si>
  <si>
    <t>9.54</t>
  </si>
  <si>
    <t>2D merania toku v srdci.</t>
  </si>
  <si>
    <t>9.55</t>
  </si>
  <si>
    <t>3D sekvencie pre charakterizáciu myokardu.</t>
  </si>
  <si>
    <t>9.56</t>
  </si>
  <si>
    <t>3D akvizícia vo forme slučky pre zobrazenie plné CT-like zobrazenie srdca.</t>
  </si>
  <si>
    <t>9.57</t>
  </si>
  <si>
    <t>3D Zobrazovanie aortopatie počas voľného dýchania.</t>
  </si>
  <si>
    <t>Diagnostické pracovisko</t>
  </si>
  <si>
    <t>10.1</t>
  </si>
  <si>
    <t>10.2</t>
  </si>
  <si>
    <t>Server pre paralelné vyhodnocovanie na troch pracovných staniciach.</t>
  </si>
  <si>
    <t>10.3</t>
  </si>
  <si>
    <t>Počet súčasne spracovávaných obrazov na serveri:   min. 45 000</t>
  </si>
  <si>
    <t>10.4</t>
  </si>
  <si>
    <t>Vyhodnocovacie stanice na báze server - klient („plávajúce“ licencie) s možnosťou vzdialeného prístupu ku všekým funkcionalitám vyhodnocovacieho systému.</t>
  </si>
  <si>
    <t>10.5</t>
  </si>
  <si>
    <t>HW pre vyhodnocovacie stanice:    3ks</t>
  </si>
  <si>
    <t>10.5.1</t>
  </si>
  <si>
    <t>Počítačová jednotka s minimálne štvorjadrovým procesorom s kmitočtom minimálne 2.6 GHz</t>
  </si>
  <si>
    <t>10.5.2</t>
  </si>
  <si>
    <t>Operačná pamäť minimálne 16 GB RAM</t>
  </si>
  <si>
    <t>10.5.3</t>
  </si>
  <si>
    <t>Kapacitná veľkosť pevného disku HDD minimálne 1 TB</t>
  </si>
  <si>
    <t>10.5.4</t>
  </si>
  <si>
    <t>Grafické rozhranie PC prispôsobené požiadavkám CT prístroja</t>
  </si>
  <si>
    <t>10.5.5</t>
  </si>
  <si>
    <t>Sieťové rozhranie Ethernet pre komunikáciu s inými zariadeniami</t>
  </si>
  <si>
    <t>10.5.6</t>
  </si>
  <si>
    <t>Plná DICOM 3.0 kompatibilita</t>
  </si>
  <si>
    <t>10.5.7</t>
  </si>
  <si>
    <t>USB konektor pre pripojenie externých zariadení</t>
  </si>
  <si>
    <t>10.5.8</t>
  </si>
  <si>
    <t>DVD-RW archivačné zariadenie s možnosťou uchovávania obrazov na CD/DVD médiá, s možnosťou pridania prehliadača</t>
  </si>
  <si>
    <t>10.5.9</t>
  </si>
  <si>
    <t>Grafická karta s dvojmonitorovým výstupom</t>
  </si>
  <si>
    <t>10.6</t>
  </si>
  <si>
    <t>Diagnostický, certifikovaný monitor:   6 ks</t>
  </si>
  <si>
    <t>10.6.1</t>
  </si>
  <si>
    <t>s uhlopriečkou min. 21“</t>
  </si>
  <si>
    <t>10.6.2</t>
  </si>
  <si>
    <t>s rozlíšením 2,1 megapixel</t>
  </si>
  <si>
    <t>Základné licencie dostupné pre každú klientskú post-processingovú stanicu:</t>
  </si>
  <si>
    <t>11.1</t>
  </si>
  <si>
    <t>Prezeranie obrazov z iných zariadení s prepojiteľnosťou vo formáte DICOM 3.0.: 
- DICOM Send/Receive 
- DICOM Query/Retrieve 
- DICOM Archiving 
- DICOM Print 
- DICOM Worklist</t>
  </si>
  <si>
    <t>11.2</t>
  </si>
  <si>
    <t>Pripravené šablóny výsledných správ a možnosť ich editácie.</t>
  </si>
  <si>
    <t>11.3</t>
  </si>
  <si>
    <t>Automatizované čítanie s integrovanými nástrojmi a technológiami.</t>
  </si>
  <si>
    <t>11.4</t>
  </si>
  <si>
    <t>Jednoduché porovnanie obrázkov z rôznych modalít a časov vedľa seba.</t>
  </si>
  <si>
    <t>11.5</t>
  </si>
  <si>
    <t>Softvér poskytuje prípravu prípadu (predspracovanie údajov, automatické rozloženie), štruktúrovanú navigáciu, funkcie pre kvantitatívne čítanie a orientáciu na zníženie času potrebného na načítanie pacienta.</t>
  </si>
  <si>
    <t>11.6</t>
  </si>
  <si>
    <t>Softvérový základ poskytujúci všeobecné možnosti 2D/3D/4D pre rutinné čítanie.</t>
  </si>
  <si>
    <t>11.7</t>
  </si>
  <si>
    <t>Vyšetrenie ciev, detekcia arteriálnych a venóznych segmentov.</t>
  </si>
  <si>
    <t>11.8</t>
  </si>
  <si>
    <t>Automatická segmentácia ciev v obraze jedným kliknutím.</t>
  </si>
  <si>
    <t>11.9</t>
  </si>
  <si>
    <t>Softvér na hodnotenie prietoku krvi s vytvorením prílušných grafov .</t>
  </si>
  <si>
    <t>11.10</t>
  </si>
  <si>
    <t>Výpočet toku krvi v cievach (postačí na vyhodnocovacej konzole).</t>
  </si>
  <si>
    <t>11.11</t>
  </si>
  <si>
    <t>Výpočet parametrov prietoku a rýchlosti (napr. špičková rýchlosť, priemerná rýchlosť, prietok, integrálny prietok), regurgitačná frakcia.</t>
  </si>
  <si>
    <t>11.12</t>
  </si>
  <si>
    <t>Farebne odlíšené zobrazenie hodnôt rýchlosti.</t>
  </si>
  <si>
    <t>11.13</t>
  </si>
  <si>
    <t>Softvér pre analýzu perfúzie srdca s tvorbou parametrických máp (TTP, AUC, Slope).</t>
  </si>
  <si>
    <t>11.14</t>
  </si>
  <si>
    <t>Grafické zobrazenie výsledkov v parametrickom grafe.</t>
  </si>
  <si>
    <t>11.15</t>
  </si>
  <si>
    <t>Plne automatizovaná korekcia pohybu perfúznej série.</t>
  </si>
  <si>
    <t>11.16</t>
  </si>
  <si>
    <t>Kvantitatívne hodnotenie vaskulárnych lézií (napr. stupeň stenózy).</t>
  </si>
  <si>
    <t>11.17</t>
  </si>
  <si>
    <t>Automatická alebo poloautomatická segmentácia ľavej a pravej komory.</t>
  </si>
  <si>
    <t>11.18</t>
  </si>
  <si>
    <t>4D vizualizácia pre hodnotenie komory.</t>
  </si>
  <si>
    <t>11.19</t>
  </si>
  <si>
    <t>Objemová a regionálna analýza pohybu steny.</t>
  </si>
  <si>
    <t>11.20</t>
  </si>
  <si>
    <t>Výpočet objemových srdcových dát: EF, ESV, EDV, srdcového výdaja.</t>
  </si>
  <si>
    <t>11.21</t>
  </si>
  <si>
    <t>Tvorba objemovo-časových kriviek.</t>
  </si>
  <si>
    <t>11.22</t>
  </si>
  <si>
    <t>Prezentácia obrázku:  2D, MPR, MPR hrubý, MPR/MPR fúzia, MIP, MIP tenký, MinIP, VRT, VRT tenký</t>
  </si>
  <si>
    <t>11.23</t>
  </si>
  <si>
    <t>Multimodalitné softvérové vybavenie pre možnosť vizualizácie a prácu s DICOM obrazmi (CT a RTG) pre porovnanie nálezov s MR.</t>
  </si>
  <si>
    <t>Špecifikácie inštalácie systému</t>
  </si>
  <si>
    <t>12.1</t>
  </si>
  <si>
    <t>Zabezpečenie dopravy, vyloženia, kompletizácie a inštalácie tovaru podľa kúpnej zmluvy.</t>
  </si>
  <si>
    <t>12.2</t>
  </si>
  <si>
    <t>Technologický projekt podľa kúpnej zmluvy.</t>
  </si>
  <si>
    <t>12.3</t>
  </si>
  <si>
    <t>Pripojenie na PACS vrátane realizácie a zfunkčnenia zo strany dodávateĺa MR prístroja v súčinnosti s dodávateľom PACS (súčinnosť s dodávateľom PACS je v zodpovednosti objednávateľa).</t>
  </si>
  <si>
    <t>12.4</t>
  </si>
  <si>
    <t>Pripojenie do NIS/RIS vrátane realizácie a zfunkčnenia zo strany dodávateĺa MR prístroja v súčinnosti s dodávateľom NIS/RIS (súčinnosť s dodávateľom NIS/RIS je v zodpovednosti objednávateľa).</t>
  </si>
  <si>
    <t>12.5</t>
  </si>
  <si>
    <t>Nemagnetický hasiaci prístroj.</t>
  </si>
  <si>
    <t>12.6</t>
  </si>
  <si>
    <t>12.7</t>
  </si>
  <si>
    <t>Odborné semináre, prípadne zahraničné kongresy v dĺžke minimálne 10 dní, na tému MR, pre 2 osoby v najbižších 2 rokoch.</t>
  </si>
  <si>
    <t>12.8</t>
  </si>
  <si>
    <t>Faradayova klietka/Vyšetrovacia kabína</t>
  </si>
  <si>
    <t>13.1</t>
  </si>
  <si>
    <t>Faradayova klietka (RF kabína) a jej inštalácia vrátane priehľadového okna, vstupných dverí, prechodových  filtrov  a všetkých inštalácií  vnútri  kabíny (osvetlenie formou LED, obklady stien, stropu a podlahy) - respektíve modernizácia existujúcej RF kabíny.</t>
  </si>
  <si>
    <t>13.2</t>
  </si>
  <si>
    <t>Predpríprava pre montáž inštalácie injektora vrátane prechodov a konektorov v RF kabíne a dodanie samotného injektora.</t>
  </si>
  <si>
    <t>Chladenie MR systému</t>
  </si>
  <si>
    <t>14.1</t>
  </si>
  <si>
    <t>Chladiaca technológia celého MR systému spĺňajúca nároky dané výrobcom (dochladzovanie hélia vrátane všetkých agregátov, chladenie vyžiareného tepla MR elektronikou a technológiami).</t>
  </si>
  <si>
    <t>Špecifikácie záručného a pozáručného servisu</t>
  </si>
  <si>
    <t>15.1</t>
  </si>
  <si>
    <t>Online pripojenie a diagnostika do 4 hodín od nahlásenia.</t>
  </si>
  <si>
    <t>15.2</t>
  </si>
  <si>
    <t>Fyzický nástup technika na opravu na miesto inštalácie MR prístroja do 24 hodín od nahlásenia.</t>
  </si>
  <si>
    <t>15.3</t>
  </si>
  <si>
    <t>Maximálna doba opravy bez dodania náhradného dielu do 48 hodín od nástupu na opravu.</t>
  </si>
  <si>
    <t>15.4</t>
  </si>
  <si>
    <t>Maximálna doba opravy s dodaním náhradného dielu do 72 hodín od nástupu na opravu.</t>
  </si>
  <si>
    <t>15.5</t>
  </si>
  <si>
    <t>Predávajúcim garantovaný uptime prístoja: minimálne 95 %.</t>
  </si>
  <si>
    <t>Ďalšie požadované príslušenstvo.</t>
  </si>
  <si>
    <t>16.1</t>
  </si>
  <si>
    <t>1x nemagnetický vozík pre imobilných ležiacich pacientov čakajúcich na vyšetrenie.</t>
  </si>
  <si>
    <t>16.2</t>
  </si>
  <si>
    <t>1x nemagnetický vozík pre uloženie cievok alebo nemagnetický úložný priestor pre uloženie cievok.</t>
  </si>
  <si>
    <t>16.3</t>
  </si>
  <si>
    <t>Obojsmerné dorozumievacie akustické zariadenie medzi MR vyšetrovňou a miestnosťou ovládača.</t>
  </si>
  <si>
    <t>16.4</t>
  </si>
  <si>
    <t>Kamerový pozorovací systém do MR vyšetrovne a monitor do ovládacej miestnosti.</t>
  </si>
  <si>
    <t>16.5</t>
  </si>
  <si>
    <t>Záložný zdroj - UPS pre akvizičnú stanicu pre uchovanie dát v prípade výpadku el. prúdu.</t>
  </si>
  <si>
    <t>Presne uviesť konkrétne názvy cievok a konkrétne názvy softvérových aplikácií výrobcu podľa data sheetu výrobcu, ktorý je súčasťou ponuky.</t>
  </si>
  <si>
    <t>xxx</t>
  </si>
  <si>
    <r>
      <rPr>
        <b/>
        <sz val="10"/>
        <rFont val="Arial"/>
        <family val="2"/>
        <charset val="238"/>
      </rPr>
      <t xml:space="preserve">Poistenie prevádzkovej zodpovednosti vo výške ročnej ceny za služby
</t>
    </r>
    <r>
      <rPr>
        <sz val="10"/>
        <color rgb="FFC00000"/>
        <rFont val="Arial"/>
        <family val="2"/>
        <charset val="238"/>
      </rPr>
      <t>V zákazke sa bude požadovať od úspešného uchádzača.</t>
    </r>
  </si>
  <si>
    <t>Použivanie len originálnych náhradných dielov.</t>
  </si>
  <si>
    <t>Servisná starostlivosť o zariadenie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Vykonávanie opráv v čase od 7:00 do 15:00.</t>
  </si>
  <si>
    <r>
      <t>Poistenie prevádzkovej zodpovednosti vo výške ročnej ceny za služby.</t>
    </r>
    <r>
      <rPr>
        <sz val="10"/>
        <color rgb="FFFF0000"/>
        <rFont val="Arial"/>
        <family val="2"/>
        <charset val="238"/>
      </rPr>
      <t xml:space="preserve">
</t>
    </r>
    <r>
      <rPr>
        <sz val="10"/>
        <color rgb="FFC00000"/>
        <rFont val="Arial"/>
        <family val="2"/>
        <charset val="238"/>
      </rPr>
      <t>V zákazke sa bude požadovať od úspešného uchádzača.</t>
    </r>
  </si>
  <si>
    <t>Dodanie nového, nepoužívaného a nerepasovaného prístroja. Verejný obstarávateľ požaduje, aby súčasťou ponuky bolo aj priebežné vykonávanie upgradov kompletného systému/prístroja vrámci pravidelného servisu.</t>
  </si>
  <si>
    <t>Aplikačné školenie u verejného obstarávateľa v dĺžke minimálne 15 dní s možnosťou čerpania po 2 častiach behom 1 roka od inštalácie.</t>
  </si>
  <si>
    <t>Aplikačné školenie u verejného obstarávateľa v dĺžke minimálne 5 dní, každý rok počas platnosti zmluvy (počas pozáručného servisu).</t>
  </si>
  <si>
    <t>Oprávnenie dodávateľa na servis výrobkov</t>
  </si>
  <si>
    <t>Osvedčenie servisného technika na servis zariadení výrobcu</t>
  </si>
  <si>
    <r>
      <t>Potvrdenie ŠÚKL</t>
    </r>
    <r>
      <rPr>
        <sz val="10"/>
        <color theme="1"/>
        <rFont val="Arial"/>
        <family val="2"/>
        <charset val="238"/>
      </rPr>
      <t xml:space="preserve"> (výstup z databázy registrovaných/evidovaných zdravotníckych pomôcok), resp. iné doklady, ktoré nahrádzajú požadované potvrdenie</t>
    </r>
  </si>
  <si>
    <r>
      <t xml:space="preserve">Technologický projekt, návrh priestorového usporiadania
</t>
    </r>
    <r>
      <rPr>
        <sz val="10"/>
        <color rgb="FFC00000"/>
        <rFont val="Arial"/>
        <family val="2"/>
        <charset val="238"/>
      </rPr>
      <t>V zákazke sa bude požadovať od úspešného uchádzača.</t>
    </r>
  </si>
  <si>
    <t>Prístroj pre magnetickú rezonanciu vrátane pozáručného servisu</t>
  </si>
  <si>
    <t>Prístroj pre magnetickú rezonanciu</t>
  </si>
  <si>
    <t>MR prístroj o sile 1,5 Tesla pre potreby kardiodiagnostiky (zobrazenie štrukturálnych zmien v myokarde a kalkulácií rýchlosti toku krvi a skratových vrodených chýb srdca, pre funkčnú analýzu, pre kvantifikáciu nedostatočného prietoku/regurgitácie chlopní a pre určovanie charakteristiky tkaniva (fibrotické tkanivo, edém, viabilita)  vrátane pozáručného servisu.</t>
  </si>
  <si>
    <t>Položka č. 1 - Prístroj pre magnetickú rezonanciu</t>
  </si>
  <si>
    <t>Osvedčenie servisného technika na servis zariadení výrobcu.</t>
  </si>
  <si>
    <t>Oprávnenie dodávateľa na servis výrobkov.</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Arial"/>
      <family val="2"/>
      <charset val="238"/>
    </font>
    <font>
      <sz val="10"/>
      <color rgb="FFC0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bgColor indexed="64"/>
      </patternFill>
    </fill>
    <fill>
      <patternFill patternType="solid">
        <fgColor theme="0" tint="-0.14999847407452621"/>
        <bgColor indexed="64"/>
      </patternFill>
    </fill>
    <fill>
      <patternFill patternType="solid">
        <fgColor theme="5" tint="0.79998168889431442"/>
        <bgColor indexed="64"/>
      </patternFill>
    </fill>
  </fills>
  <borders count="4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medium">
        <color auto="1"/>
      </left>
      <right style="thin">
        <color auto="1"/>
      </right>
      <top/>
      <bottom style="thin">
        <color auto="1"/>
      </bottom>
      <diagonal/>
    </border>
    <border>
      <left style="thin">
        <color auto="1"/>
      </left>
      <right/>
      <top style="thin">
        <color auto="1"/>
      </top>
      <bottom style="dotted">
        <color auto="1"/>
      </bottom>
      <diagonal/>
    </border>
    <border>
      <left style="thin">
        <color auto="1"/>
      </left>
      <right/>
      <top style="dotted">
        <color auto="1"/>
      </top>
      <bottom style="thin">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medium">
        <color auto="1"/>
      </left>
      <right style="thin">
        <color auto="1"/>
      </right>
      <top style="thin">
        <color auto="1"/>
      </top>
      <bottom style="dotted">
        <color auto="1"/>
      </bottom>
      <diagonal/>
    </border>
    <border>
      <left/>
      <right style="medium">
        <color indexed="64"/>
      </right>
      <top style="thin">
        <color auto="1"/>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right/>
      <top style="medium">
        <color auto="1"/>
      </top>
      <bottom style="thin">
        <color auto="1"/>
      </bottom>
      <diagonal/>
    </border>
    <border>
      <left style="medium">
        <color auto="1"/>
      </left>
      <right/>
      <top style="thin">
        <color auto="1"/>
      </top>
      <bottom style="thin">
        <color auto="1"/>
      </bottom>
      <diagonal/>
    </border>
    <border>
      <left style="thin">
        <color auto="1"/>
      </left>
      <right/>
      <top/>
      <bottom style="thin">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10" xfId="0" applyFont="1" applyFill="1" applyBorder="1" applyAlignment="1">
      <alignment vertical="center" wrapText="1"/>
    </xf>
    <xf numFmtId="0" fontId="4" fillId="0" borderId="10" xfId="0" applyFont="1" applyFill="1" applyBorder="1" applyAlignment="1">
      <alignment horizontal="center" vertical="center" wrapText="1"/>
    </xf>
    <xf numFmtId="49" fontId="4" fillId="0" borderId="10" xfId="0" applyNumberFormat="1" applyFont="1" applyFill="1" applyBorder="1" applyAlignment="1">
      <alignment vertical="center" wrapText="1"/>
    </xf>
    <xf numFmtId="49" fontId="2" fillId="0" borderId="8" xfId="0" applyNumberFormat="1" applyFont="1" applyFill="1" applyBorder="1" applyAlignment="1">
      <alignment horizontal="center" vertical="center"/>
    </xf>
    <xf numFmtId="49" fontId="2" fillId="0" borderId="11" xfId="0" applyNumberFormat="1" applyFont="1" applyFill="1" applyBorder="1" applyAlignment="1">
      <alignment horizontal="center" vertical="center"/>
    </xf>
    <xf numFmtId="49" fontId="4" fillId="0" borderId="20" xfId="0" applyNumberFormat="1" applyFont="1" applyFill="1" applyBorder="1" applyAlignment="1">
      <alignment vertical="center" wrapText="1"/>
    </xf>
    <xf numFmtId="16" fontId="5" fillId="0" borderId="0" xfId="0" applyNumberFormat="1" applyFont="1" applyFill="1" applyAlignment="1">
      <alignment horizontal="left" vertical="top" wrapText="1"/>
    </xf>
    <xf numFmtId="49" fontId="2" fillId="0" borderId="25" xfId="0" applyNumberFormat="1" applyFont="1" applyFill="1" applyBorder="1" applyAlignment="1">
      <alignment horizontal="center" vertical="center"/>
    </xf>
    <xf numFmtId="0" fontId="2" fillId="0" borderId="26" xfId="0" applyNumberFormat="1" applyFont="1" applyFill="1" applyBorder="1" applyAlignment="1">
      <alignment horizontal="center" vertical="center" wrapText="1"/>
    </xf>
    <xf numFmtId="0" fontId="3" fillId="0" borderId="0" xfId="0" applyFont="1" applyFill="1" applyAlignment="1">
      <alignment vertical="center"/>
    </xf>
    <xf numFmtId="0" fontId="2" fillId="0" borderId="20" xfId="0" applyNumberFormat="1" applyFont="1" applyFill="1" applyBorder="1" applyAlignment="1">
      <alignment horizontal="center" vertical="center" wrapText="1"/>
    </xf>
    <xf numFmtId="49" fontId="2" fillId="0" borderId="8" xfId="0" applyNumberFormat="1" applyFont="1" applyFill="1" applyBorder="1" applyAlignment="1">
      <alignment horizontal="center" vertical="center" wrapText="1"/>
    </xf>
    <xf numFmtId="49" fontId="2" fillId="0" borderId="27" xfId="0" applyNumberFormat="1" applyFont="1" applyFill="1" applyBorder="1" applyAlignment="1">
      <alignment horizontal="center" vertical="center" wrapText="1"/>
    </xf>
    <xf numFmtId="49" fontId="2" fillId="0" borderId="33" xfId="0" applyNumberFormat="1" applyFont="1" applyFill="1" applyBorder="1" applyAlignment="1">
      <alignment horizontal="center" vertical="center" wrapText="1"/>
    </xf>
    <xf numFmtId="49" fontId="2" fillId="5" borderId="31" xfId="0" applyNumberFormat="1" applyFont="1" applyFill="1" applyBorder="1" applyAlignment="1">
      <alignment horizontal="right" vertical="center" wrapText="1"/>
    </xf>
    <xf numFmtId="49" fontId="2" fillId="5" borderId="32" xfId="0" applyNumberFormat="1" applyFont="1" applyFill="1" applyBorder="1" applyAlignment="1">
      <alignment horizontal="right" vertical="center" wrapText="1"/>
    </xf>
    <xf numFmtId="0" fontId="4" fillId="5" borderId="5" xfId="0" applyFont="1" applyFill="1" applyBorder="1" applyAlignment="1">
      <alignment vertical="center" wrapText="1"/>
    </xf>
    <xf numFmtId="0" fontId="4" fillId="5" borderId="28" xfId="0" applyFont="1" applyFill="1" applyBorder="1" applyAlignment="1">
      <alignment vertical="center" wrapText="1"/>
    </xf>
    <xf numFmtId="0" fontId="4" fillId="5" borderId="30" xfId="0" applyFont="1" applyFill="1" applyBorder="1" applyAlignment="1">
      <alignment vertical="center" wrapText="1"/>
    </xf>
    <xf numFmtId="0" fontId="4" fillId="5" borderId="29" xfId="0" applyFont="1" applyFill="1" applyBorder="1" applyAlignment="1">
      <alignment vertical="center" wrapText="1"/>
    </xf>
    <xf numFmtId="0" fontId="4" fillId="0" borderId="5" xfId="0" applyFont="1" applyFill="1" applyBorder="1" applyAlignment="1">
      <alignment vertical="center" wrapText="1"/>
    </xf>
    <xf numFmtId="49" fontId="2" fillId="0" borderId="31" xfId="0" applyNumberFormat="1" applyFont="1" applyFill="1" applyBorder="1" applyAlignment="1">
      <alignment horizontal="right" vertical="center" wrapText="1"/>
    </xf>
    <xf numFmtId="49" fontId="4" fillId="0" borderId="26" xfId="0" applyNumberFormat="1" applyFont="1" applyFill="1" applyBorder="1" applyAlignment="1">
      <alignment vertical="center" wrapText="1"/>
    </xf>
    <xf numFmtId="0" fontId="7" fillId="0" borderId="10" xfId="0" applyNumberFormat="1" applyFont="1" applyBorder="1" applyAlignment="1">
      <alignment horizontal="center" vertical="center" wrapText="1"/>
    </xf>
    <xf numFmtId="0" fontId="3" fillId="0" borderId="10" xfId="0" applyFont="1" applyFill="1" applyBorder="1" applyAlignment="1">
      <alignment horizontal="left" vertical="center" wrapText="1"/>
    </xf>
    <xf numFmtId="49" fontId="4" fillId="6" borderId="5" xfId="0" applyNumberFormat="1" applyFont="1" applyFill="1" applyBorder="1" applyAlignment="1">
      <alignment vertical="center" wrapText="1"/>
    </xf>
    <xf numFmtId="49" fontId="4" fillId="0" borderId="5" xfId="0" applyNumberFormat="1" applyFont="1" applyFill="1" applyBorder="1" applyAlignment="1">
      <alignment vertical="center" wrapText="1"/>
    </xf>
    <xf numFmtId="49" fontId="2" fillId="0" borderId="40" xfId="0" applyNumberFormat="1" applyFont="1" applyBorder="1" applyAlignment="1">
      <alignment horizontal="right" vertical="center"/>
    </xf>
    <xf numFmtId="49" fontId="2" fillId="0" borderId="40" xfId="0" applyNumberFormat="1" applyFont="1" applyBorder="1" applyAlignment="1">
      <alignment horizontal="center" vertical="center"/>
    </xf>
    <xf numFmtId="49" fontId="2" fillId="0" borderId="40" xfId="0" applyNumberFormat="1" applyFont="1" applyFill="1" applyBorder="1" applyAlignment="1">
      <alignment horizontal="center" vertical="center"/>
    </xf>
    <xf numFmtId="49" fontId="2" fillId="6" borderId="40" xfId="0" applyNumberFormat="1" applyFont="1" applyFill="1" applyBorder="1" applyAlignment="1">
      <alignment horizontal="left" vertical="center"/>
    </xf>
    <xf numFmtId="49" fontId="2" fillId="0" borderId="27" xfId="0" applyNumberFormat="1" applyFont="1" applyBorder="1" applyAlignment="1">
      <alignment horizontal="center" vertical="center" wrapText="1"/>
    </xf>
    <xf numFmtId="0" fontId="4" fillId="0" borderId="41" xfId="0" applyFont="1" applyBorder="1" applyAlignment="1">
      <alignment vertical="center" wrapText="1"/>
    </xf>
    <xf numFmtId="0" fontId="2" fillId="0" borderId="35" xfId="0" applyNumberFormat="1" applyFont="1" applyBorder="1" applyAlignment="1">
      <alignment horizontal="center" vertical="center" wrapText="1"/>
    </xf>
    <xf numFmtId="49" fontId="2" fillId="0" borderId="40" xfId="0" applyNumberFormat="1" applyFont="1" applyBorder="1" applyAlignment="1">
      <alignment horizontal="left" vertical="center"/>
    </xf>
    <xf numFmtId="0" fontId="2" fillId="0" borderId="42" xfId="0" applyNumberFormat="1" applyFont="1" applyBorder="1" applyAlignment="1">
      <alignment horizontal="center" vertical="center" wrapText="1"/>
    </xf>
    <xf numFmtId="0" fontId="2" fillId="0" borderId="44" xfId="0" applyNumberFormat="1" applyFont="1" applyBorder="1" applyAlignment="1">
      <alignment horizontal="center" vertical="center" wrapText="1"/>
    </xf>
    <xf numFmtId="49" fontId="2" fillId="0" borderId="32" xfId="0" applyNumberFormat="1" applyFont="1" applyFill="1" applyBorder="1" applyAlignment="1">
      <alignment horizontal="right" vertical="center" wrapText="1"/>
    </xf>
    <xf numFmtId="0" fontId="2" fillId="0" borderId="46" xfId="0" applyNumberFormat="1" applyFont="1" applyBorder="1" applyAlignment="1">
      <alignment horizontal="center" vertical="center" wrapText="1"/>
    </xf>
    <xf numFmtId="49" fontId="2" fillId="5" borderId="33" xfId="0" applyNumberFormat="1" applyFont="1" applyFill="1" applyBorder="1" applyAlignment="1">
      <alignment horizontal="center" vertical="center" wrapText="1"/>
    </xf>
    <xf numFmtId="0" fontId="4" fillId="5" borderId="42" xfId="0" applyFont="1" applyFill="1" applyBorder="1" applyAlignment="1">
      <alignment vertical="center" wrapText="1"/>
    </xf>
    <xf numFmtId="0" fontId="4" fillId="5" borderId="44" xfId="0" applyFont="1" applyFill="1" applyBorder="1" applyAlignment="1">
      <alignment vertical="center" wrapText="1"/>
    </xf>
    <xf numFmtId="0" fontId="4" fillId="5" borderId="46" xfId="0" applyFont="1" applyFill="1" applyBorder="1" applyAlignment="1">
      <alignment vertical="center" wrapText="1"/>
    </xf>
    <xf numFmtId="0" fontId="2" fillId="0" borderId="5"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23" xfId="0" applyFont="1" applyFill="1" applyBorder="1" applyAlignment="1">
      <alignment horizontal="left" vertical="center" wrapText="1"/>
    </xf>
    <xf numFmtId="49" fontId="5" fillId="0" borderId="10" xfId="0" applyNumberFormat="1" applyFont="1" applyFill="1" applyBorder="1" applyAlignment="1">
      <alignmen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44"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5" fillId="0" borderId="0" xfId="0" applyNumberFormat="1" applyFont="1" applyFill="1" applyAlignment="1">
      <alignment horizontal="left" vertical="top" wrapText="1"/>
    </xf>
    <xf numFmtId="49" fontId="2" fillId="0" borderId="10" xfId="0" applyNumberFormat="1" applyFont="1" applyFill="1" applyBorder="1" applyAlignment="1">
      <alignment horizontal="center" vertical="center" wrapText="1"/>
    </xf>
    <xf numFmtId="49" fontId="2" fillId="0" borderId="9"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3" fillId="0" borderId="0" xfId="0" applyNumberFormat="1" applyFont="1" applyFill="1" applyAlignment="1">
      <alignment horizontal="left" vertical="center" wrapText="1"/>
    </xf>
    <xf numFmtId="49" fontId="5" fillId="7" borderId="8" xfId="0" applyNumberFormat="1" applyFont="1" applyFill="1" applyBorder="1" applyAlignment="1">
      <alignment horizontal="left" vertical="center" wrapText="1"/>
    </xf>
    <xf numFmtId="49" fontId="5" fillId="7" borderId="10" xfId="0" applyNumberFormat="1" applyFont="1" applyFill="1" applyBorder="1" applyAlignment="1">
      <alignment horizontal="left" vertical="center" wrapText="1"/>
    </xf>
    <xf numFmtId="49" fontId="5" fillId="7" borderId="9" xfId="0" applyNumberFormat="1"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5" fillId="7" borderId="22" xfId="0" applyNumberFormat="1" applyFont="1" applyFill="1" applyBorder="1" applyAlignment="1">
      <alignment horizontal="left" vertical="center" wrapText="1"/>
    </xf>
    <xf numFmtId="49" fontId="5" fillId="7" borderId="23" xfId="0" applyNumberFormat="1" applyFont="1" applyFill="1" applyBorder="1" applyAlignment="1">
      <alignment horizontal="left" vertical="center" wrapText="1"/>
    </xf>
    <xf numFmtId="49" fontId="5" fillId="7" borderId="24" xfId="0" applyNumberFormat="1" applyFont="1" applyFill="1" applyBorder="1" applyAlignment="1">
      <alignment horizontal="left" vertical="center" wrapText="1"/>
    </xf>
    <xf numFmtId="49" fontId="4" fillId="0" borderId="0" xfId="0" applyNumberFormat="1" applyFont="1" applyFill="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5" xfId="0" applyFont="1" applyFill="1" applyBorder="1" applyAlignment="1">
      <alignment horizontal="left" vertical="center" wrapText="1"/>
    </xf>
    <xf numFmtId="0" fontId="2" fillId="0" borderId="34" xfId="0" applyFont="1" applyFill="1" applyBorder="1" applyAlignment="1">
      <alignment horizontal="left" vertical="center" wrapText="1"/>
    </xf>
    <xf numFmtId="49" fontId="2" fillId="0" borderId="20" xfId="0" applyNumberFormat="1" applyFont="1" applyFill="1" applyBorder="1" applyAlignment="1">
      <alignment horizontal="center" vertical="center" wrapText="1"/>
    </xf>
    <xf numFmtId="49" fontId="2" fillId="0" borderId="21"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34" xfId="0" applyNumberFormat="1" applyFont="1" applyBorder="1" applyAlignment="1">
      <alignment horizontal="center" vertical="center" wrapText="1"/>
    </xf>
    <xf numFmtId="49" fontId="5" fillId="7" borderId="37" xfId="0" applyNumberFormat="1" applyFont="1" applyFill="1" applyBorder="1" applyAlignment="1">
      <alignment horizontal="left" vertical="center" wrapText="1"/>
    </xf>
    <xf numFmtId="49" fontId="5" fillId="7" borderId="39" xfId="0" applyNumberFormat="1" applyFont="1" applyFill="1" applyBorder="1" applyAlignment="1">
      <alignment horizontal="left" vertical="center" wrapText="1"/>
    </xf>
    <xf numFmtId="49" fontId="5" fillId="7" borderId="38" xfId="0" applyNumberFormat="1"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9525</xdr:rowOff>
        </xdr:from>
        <xdr:to>
          <xdr:col>1</xdr:col>
          <xdr:colOff>885825</xdr:colOff>
          <xdr:row>34</xdr:row>
          <xdr:rowOff>22860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5</xdr:row>
          <xdr:rowOff>0</xdr:rowOff>
        </xdr:from>
        <xdr:to>
          <xdr:col>1</xdr:col>
          <xdr:colOff>885825</xdr:colOff>
          <xdr:row>35</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370"/>
  <sheetViews>
    <sheetView showGridLines="0" tabSelected="1" zoomScaleNormal="100" workbookViewId="0"/>
  </sheetViews>
  <sheetFormatPr defaultColWidth="9.140625"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54.28515625" style="1" customWidth="1"/>
    <col min="8" max="8" width="9.140625" style="1"/>
    <col min="9" max="9" width="9.140625" style="1" customWidth="1"/>
    <col min="10" max="16384" width="9.140625" style="1"/>
  </cols>
  <sheetData>
    <row r="1" spans="2:6" ht="24" customHeight="1" x14ac:dyDescent="0.2">
      <c r="B1" s="124" t="s">
        <v>48</v>
      </c>
      <c r="C1" s="124"/>
      <c r="D1" s="124"/>
      <c r="E1" s="124"/>
      <c r="F1" s="124"/>
    </row>
    <row r="2" spans="2:6" ht="27.75" customHeight="1" x14ac:dyDescent="0.2">
      <c r="B2" s="123" t="s">
        <v>189</v>
      </c>
      <c r="C2" s="123"/>
      <c r="D2" s="123"/>
      <c r="E2" s="123"/>
      <c r="F2" s="123"/>
    </row>
    <row r="3" spans="2:6" ht="54.75" customHeight="1" x14ac:dyDescent="0.2">
      <c r="B3" s="129" t="s">
        <v>52</v>
      </c>
      <c r="C3" s="129"/>
      <c r="D3" s="129"/>
      <c r="E3" s="129"/>
      <c r="F3" s="129"/>
    </row>
    <row r="4" spans="2:6" ht="24.95" customHeight="1" x14ac:dyDescent="0.2">
      <c r="B4" s="41" t="s">
        <v>51</v>
      </c>
      <c r="C4" s="42"/>
      <c r="D4" s="38"/>
      <c r="E4" s="38"/>
      <c r="F4" s="38"/>
    </row>
    <row r="5" spans="2:6" ht="24.95" customHeight="1" x14ac:dyDescent="0.2">
      <c r="B5" s="41" t="s">
        <v>49</v>
      </c>
      <c r="C5" s="43"/>
      <c r="D5" s="38"/>
      <c r="E5" s="38"/>
      <c r="F5" s="38"/>
    </row>
    <row r="6" spans="2:6" ht="5.0999999999999996" customHeight="1" x14ac:dyDescent="0.2">
      <c r="B6" s="38"/>
      <c r="C6" s="38"/>
      <c r="D6" s="38"/>
      <c r="E6" s="38"/>
      <c r="F6" s="38"/>
    </row>
    <row r="7" spans="2:6" s="2" customFormat="1" ht="20.100000000000001" customHeight="1" x14ac:dyDescent="0.25">
      <c r="B7" s="105" t="s">
        <v>5</v>
      </c>
      <c r="C7" s="105"/>
      <c r="D7" s="105"/>
      <c r="E7" s="105"/>
      <c r="F7" s="105"/>
    </row>
    <row r="8" spans="2:6" s="2" customFormat="1" ht="20.100000000000001" customHeight="1" x14ac:dyDescent="0.25">
      <c r="B8" s="130" t="s">
        <v>9</v>
      </c>
      <c r="C8" s="130"/>
      <c r="D8" s="130"/>
      <c r="E8" s="130"/>
      <c r="F8" s="130"/>
    </row>
    <row r="9" spans="2:6" ht="28.5" customHeight="1" x14ac:dyDescent="0.2">
      <c r="B9" s="131" t="s">
        <v>591</v>
      </c>
      <c r="C9" s="131"/>
      <c r="D9" s="131"/>
      <c r="E9" s="131"/>
      <c r="F9" s="131"/>
    </row>
    <row r="10" spans="2:6" ht="4.5" customHeight="1" x14ac:dyDescent="0.2">
      <c r="B10" s="40"/>
      <c r="C10" s="40"/>
      <c r="D10" s="40"/>
      <c r="E10" s="40"/>
      <c r="F10" s="40"/>
    </row>
    <row r="11" spans="2:6" s="2" customFormat="1" ht="20.100000000000001" customHeight="1" x14ac:dyDescent="0.25">
      <c r="B11" s="134" t="s">
        <v>10</v>
      </c>
      <c r="C11" s="134"/>
      <c r="D11" s="134"/>
      <c r="E11" s="134"/>
      <c r="F11" s="134"/>
    </row>
    <row r="12" spans="2:6" s="2" customFormat="1" ht="20.100000000000001" customHeight="1" x14ac:dyDescent="0.25">
      <c r="B12" s="135" t="s">
        <v>224</v>
      </c>
      <c r="C12" s="135"/>
      <c r="D12" s="135"/>
      <c r="E12" s="44"/>
      <c r="F12" s="44"/>
    </row>
    <row r="13" spans="2:6" s="2" customFormat="1" ht="20.100000000000001" customHeight="1" x14ac:dyDescent="0.25">
      <c r="B13" s="135" t="s">
        <v>223</v>
      </c>
      <c r="C13" s="135"/>
      <c r="D13" s="135"/>
      <c r="E13" s="54"/>
      <c r="F13" s="54"/>
    </row>
    <row r="14" spans="2:6" s="2" customFormat="1" ht="20.100000000000001" customHeight="1" x14ac:dyDescent="0.25">
      <c r="B14" s="135" t="s">
        <v>72</v>
      </c>
      <c r="C14" s="135"/>
      <c r="D14" s="135"/>
      <c r="E14" s="55"/>
      <c r="F14" s="55"/>
    </row>
    <row r="15" spans="2:6" s="2" customFormat="1" ht="20.100000000000001" customHeight="1" x14ac:dyDescent="0.25">
      <c r="B15" s="135" t="s">
        <v>75</v>
      </c>
      <c r="C15" s="135"/>
      <c r="D15" s="135"/>
      <c r="E15" s="62"/>
      <c r="F15" s="62"/>
    </row>
    <row r="16" spans="2:6" s="2" customFormat="1" ht="20.100000000000001" customHeight="1" x14ac:dyDescent="0.25">
      <c r="B16" s="135" t="s">
        <v>27</v>
      </c>
      <c r="C16" s="135"/>
      <c r="D16" s="135"/>
      <c r="E16" s="48"/>
      <c r="F16" s="48"/>
    </row>
    <row r="17" spans="2:6" ht="4.5" customHeight="1" x14ac:dyDescent="0.2">
      <c r="B17" s="45"/>
      <c r="C17" s="45"/>
      <c r="D17" s="45"/>
      <c r="E17" s="40"/>
      <c r="F17" s="40"/>
    </row>
    <row r="18" spans="2:6" ht="20.100000000000001" customHeight="1" x14ac:dyDescent="0.2">
      <c r="B18" s="39" t="s">
        <v>11</v>
      </c>
      <c r="C18" s="21"/>
      <c r="D18" s="21"/>
      <c r="E18" s="22"/>
      <c r="F18" s="22"/>
    </row>
    <row r="19" spans="2:6" s="3" customFormat="1" ht="24.95" customHeight="1" x14ac:dyDescent="0.25">
      <c r="B19" s="127" t="s">
        <v>66</v>
      </c>
      <c r="C19" s="127"/>
      <c r="D19" s="127"/>
      <c r="E19" s="19"/>
      <c r="F19" s="20"/>
    </row>
    <row r="20" spans="2:6" ht="5.0999999999999996" customHeight="1" x14ac:dyDescent="0.2">
      <c r="B20" s="128"/>
      <c r="C20" s="128"/>
      <c r="D20" s="128"/>
      <c r="F20" s="15"/>
    </row>
    <row r="21" spans="2:6" s="2" customFormat="1" ht="20.100000000000001" customHeight="1" x14ac:dyDescent="0.25">
      <c r="B21" s="105" t="s">
        <v>24</v>
      </c>
      <c r="C21" s="105"/>
      <c r="D21" s="105"/>
      <c r="E21" s="105"/>
      <c r="F21" s="105"/>
    </row>
    <row r="22" spans="2:6" ht="42" customHeight="1" x14ac:dyDescent="0.2">
      <c r="B22" s="149" t="s">
        <v>593</v>
      </c>
      <c r="C22" s="149"/>
      <c r="D22" s="149"/>
      <c r="E22" s="149"/>
      <c r="F22" s="149"/>
    </row>
    <row r="23" spans="2:6" ht="5.0999999999999996" customHeight="1" x14ac:dyDescent="0.2">
      <c r="B23" s="128"/>
      <c r="C23" s="128"/>
      <c r="D23" s="128"/>
      <c r="F23" s="15"/>
    </row>
    <row r="24" spans="2:6" s="2" customFormat="1" ht="20.100000000000001" customHeight="1" x14ac:dyDescent="0.25">
      <c r="B24" s="105" t="s">
        <v>25</v>
      </c>
      <c r="C24" s="105"/>
      <c r="D24" s="105"/>
      <c r="E24" s="105"/>
      <c r="F24" s="105"/>
    </row>
    <row r="25" spans="2:6" s="9" customFormat="1" ht="20.100000000000001" customHeight="1" x14ac:dyDescent="0.25">
      <c r="B25" s="138" t="s">
        <v>6</v>
      </c>
      <c r="C25" s="138"/>
      <c r="D25" s="138"/>
      <c r="E25" s="138"/>
      <c r="F25" s="138"/>
    </row>
    <row r="26" spans="2:6" s="9" customFormat="1" ht="20.100000000000001" customHeight="1" x14ac:dyDescent="0.25">
      <c r="B26" s="125" t="s">
        <v>18</v>
      </c>
      <c r="C26" s="126"/>
      <c r="D26" s="14"/>
      <c r="E26" s="14"/>
      <c r="F26" s="14"/>
    </row>
    <row r="27" spans="2:6" s="9" customFormat="1" ht="20.100000000000001" customHeight="1" x14ac:dyDescent="0.25">
      <c r="B27" s="13"/>
      <c r="C27" s="13" t="s">
        <v>22</v>
      </c>
      <c r="D27" s="14"/>
      <c r="E27" s="14"/>
      <c r="F27" s="14"/>
    </row>
    <row r="28" spans="2:6" s="9" customFormat="1" ht="20.100000000000001" customHeight="1" x14ac:dyDescent="0.25">
      <c r="B28" s="13"/>
      <c r="C28" s="13" t="s">
        <v>23</v>
      </c>
      <c r="D28" s="14"/>
      <c r="E28" s="14"/>
      <c r="F28" s="14"/>
    </row>
    <row r="29" spans="2:6" s="9" customFormat="1" ht="20.100000000000001" customHeight="1" x14ac:dyDescent="0.25">
      <c r="B29" s="125" t="s">
        <v>19</v>
      </c>
      <c r="C29" s="126"/>
      <c r="D29" s="14"/>
      <c r="E29" s="14"/>
      <c r="F29" s="14"/>
    </row>
    <row r="30" spans="2:6" s="9" customFormat="1" ht="31.5" customHeight="1" x14ac:dyDescent="0.25">
      <c r="B30" s="17" t="s">
        <v>20</v>
      </c>
      <c r="C30" s="144" t="s">
        <v>13</v>
      </c>
      <c r="D30" s="145"/>
      <c r="E30" s="18" t="s">
        <v>12</v>
      </c>
      <c r="F30" s="18" t="s">
        <v>14</v>
      </c>
    </row>
    <row r="31" spans="2:6" s="9" customFormat="1" ht="24.95" customHeight="1" x14ac:dyDescent="0.25">
      <c r="B31" s="46" t="s">
        <v>2</v>
      </c>
      <c r="C31" s="136" t="s">
        <v>592</v>
      </c>
      <c r="D31" s="137"/>
      <c r="E31" s="16" t="s">
        <v>1</v>
      </c>
      <c r="F31" s="47">
        <v>1</v>
      </c>
    </row>
    <row r="32" spans="2:6" s="9" customFormat="1" ht="24.95" customHeight="1" x14ac:dyDescent="0.25">
      <c r="B32" s="56" t="s">
        <v>71</v>
      </c>
      <c r="C32" s="136" t="s">
        <v>73</v>
      </c>
      <c r="D32" s="137"/>
      <c r="E32" s="57" t="s">
        <v>1</v>
      </c>
      <c r="F32" s="47">
        <v>60</v>
      </c>
    </row>
    <row r="33" spans="2:7" s="9" customFormat="1" ht="4.5" customHeight="1" x14ac:dyDescent="0.25">
      <c r="B33" s="14"/>
      <c r="C33" s="14"/>
      <c r="D33" s="14"/>
      <c r="E33" s="14"/>
      <c r="F33" s="14"/>
    </row>
    <row r="34" spans="2:7" s="9" customFormat="1" ht="20.100000000000001" customHeight="1" x14ac:dyDescent="0.25">
      <c r="B34" s="125" t="s">
        <v>21</v>
      </c>
      <c r="C34" s="126"/>
      <c r="D34" s="14"/>
      <c r="E34" s="14"/>
      <c r="F34" s="14"/>
    </row>
    <row r="35" spans="2:7" s="9" customFormat="1" ht="20.100000000000001" customHeight="1" x14ac:dyDescent="0.2">
      <c r="B35" s="10"/>
      <c r="C35" s="9" t="s">
        <v>3</v>
      </c>
      <c r="D35" s="14"/>
      <c r="E35" s="14"/>
      <c r="F35" s="14"/>
    </row>
    <row r="36" spans="2:7" s="9" customFormat="1" ht="20.100000000000001" customHeight="1" x14ac:dyDescent="0.25">
      <c r="B36" s="13"/>
      <c r="C36" s="2" t="s">
        <v>4</v>
      </c>
      <c r="D36" s="14"/>
      <c r="E36" s="14"/>
      <c r="F36" s="14"/>
    </row>
    <row r="37" spans="2:7" ht="5.0999999999999996" customHeight="1" x14ac:dyDescent="0.2"/>
    <row r="38" spans="2:7" s="2" customFormat="1" ht="20.100000000000001" customHeight="1" x14ac:dyDescent="0.25">
      <c r="B38" s="105" t="s">
        <v>26</v>
      </c>
      <c r="C38" s="105"/>
      <c r="D38" s="105"/>
      <c r="E38" s="105"/>
      <c r="F38" s="105"/>
    </row>
    <row r="39" spans="2:7" s="2" customFormat="1" ht="5.0999999999999996" customHeight="1" thickBot="1" x14ac:dyDescent="0.3">
      <c r="B39" s="15"/>
      <c r="D39" s="6"/>
      <c r="E39" s="6"/>
      <c r="F39" s="6"/>
    </row>
    <row r="40" spans="2:7" s="3" customFormat="1" ht="93" customHeight="1" x14ac:dyDescent="0.25">
      <c r="B40" s="106" t="s">
        <v>0</v>
      </c>
      <c r="C40" s="107"/>
      <c r="D40" s="110" t="s">
        <v>28</v>
      </c>
      <c r="E40" s="111"/>
      <c r="F40" s="112"/>
      <c r="G40" s="23"/>
    </row>
    <row r="41" spans="2:7" s="3" customFormat="1" ht="30" customHeight="1" thickBot="1" x14ac:dyDescent="0.3">
      <c r="B41" s="108"/>
      <c r="C41" s="109"/>
      <c r="D41" s="24" t="s">
        <v>29</v>
      </c>
      <c r="E41" s="150" t="s">
        <v>30</v>
      </c>
      <c r="F41" s="151"/>
    </row>
    <row r="42" spans="2:7" s="25" customFormat="1" ht="30.75" customHeight="1" x14ac:dyDescent="0.25">
      <c r="B42" s="146" t="s">
        <v>594</v>
      </c>
      <c r="C42" s="147"/>
      <c r="D42" s="147"/>
      <c r="E42" s="147"/>
      <c r="F42" s="148"/>
    </row>
    <row r="43" spans="2:7" s="4" customFormat="1" ht="30" customHeight="1" x14ac:dyDescent="0.25">
      <c r="B43" s="86" t="s">
        <v>16</v>
      </c>
      <c r="C43" s="81" t="s">
        <v>225</v>
      </c>
      <c r="D43" s="49" t="s">
        <v>571</v>
      </c>
      <c r="E43" s="163" t="s">
        <v>571</v>
      </c>
      <c r="F43" s="164"/>
    </row>
    <row r="44" spans="2:7" s="4" customFormat="1" ht="30" customHeight="1" x14ac:dyDescent="0.25">
      <c r="B44" s="84" t="s">
        <v>226</v>
      </c>
      <c r="C44" s="82" t="s">
        <v>227</v>
      </c>
      <c r="D44" s="49"/>
      <c r="E44" s="163"/>
      <c r="F44" s="164"/>
    </row>
    <row r="45" spans="2:7" s="4" customFormat="1" ht="30" customHeight="1" x14ac:dyDescent="0.25">
      <c r="B45" s="84" t="s">
        <v>228</v>
      </c>
      <c r="C45" s="82" t="s">
        <v>229</v>
      </c>
      <c r="D45" s="49"/>
      <c r="E45" s="163"/>
      <c r="F45" s="164"/>
    </row>
    <row r="46" spans="2:7" s="4" customFormat="1" ht="30" customHeight="1" x14ac:dyDescent="0.25">
      <c r="B46" s="84" t="s">
        <v>230</v>
      </c>
      <c r="C46" s="82" t="s">
        <v>231</v>
      </c>
      <c r="D46" s="49"/>
      <c r="E46" s="163"/>
      <c r="F46" s="164"/>
    </row>
    <row r="47" spans="2:7" s="4" customFormat="1" ht="30" customHeight="1" x14ac:dyDescent="0.25">
      <c r="B47" s="86" t="s">
        <v>57</v>
      </c>
      <c r="C47" s="81" t="s">
        <v>232</v>
      </c>
      <c r="D47" s="49" t="s">
        <v>571</v>
      </c>
      <c r="E47" s="163" t="s">
        <v>571</v>
      </c>
      <c r="F47" s="164"/>
    </row>
    <row r="48" spans="2:7" s="4" customFormat="1" ht="30" customHeight="1" x14ac:dyDescent="0.25">
      <c r="B48" s="84" t="s">
        <v>233</v>
      </c>
      <c r="C48" s="82" t="s">
        <v>234</v>
      </c>
      <c r="D48" s="49"/>
      <c r="E48" s="163"/>
      <c r="F48" s="164"/>
    </row>
    <row r="49" spans="2:6" s="4" customFormat="1" ht="30" customHeight="1" x14ac:dyDescent="0.25">
      <c r="B49" s="84" t="s">
        <v>235</v>
      </c>
      <c r="C49" s="82" t="s">
        <v>236</v>
      </c>
      <c r="D49" s="49"/>
      <c r="E49" s="163"/>
      <c r="F49" s="164"/>
    </row>
    <row r="50" spans="2:6" s="4" customFormat="1" ht="30" customHeight="1" x14ac:dyDescent="0.25">
      <c r="B50" s="84" t="s">
        <v>237</v>
      </c>
      <c r="C50" s="82" t="s">
        <v>238</v>
      </c>
      <c r="D50" s="49"/>
      <c r="E50" s="163"/>
      <c r="F50" s="164"/>
    </row>
    <row r="51" spans="2:6" s="4" customFormat="1" ht="30" customHeight="1" x14ac:dyDescent="0.25">
      <c r="B51" s="84" t="s">
        <v>239</v>
      </c>
      <c r="C51" s="82" t="s">
        <v>240</v>
      </c>
      <c r="D51" s="49"/>
      <c r="E51" s="163"/>
      <c r="F51" s="164"/>
    </row>
    <row r="52" spans="2:6" s="4" customFormat="1" ht="30" customHeight="1" x14ac:dyDescent="0.25">
      <c r="B52" s="86" t="s">
        <v>58</v>
      </c>
      <c r="C52" s="81" t="s">
        <v>241</v>
      </c>
      <c r="D52" s="49" t="s">
        <v>571</v>
      </c>
      <c r="E52" s="163" t="s">
        <v>571</v>
      </c>
      <c r="F52" s="164"/>
    </row>
    <row r="53" spans="2:6" s="4" customFormat="1" ht="30" customHeight="1" x14ac:dyDescent="0.25">
      <c r="B53" s="84" t="s">
        <v>242</v>
      </c>
      <c r="C53" s="82" t="s">
        <v>243</v>
      </c>
      <c r="D53" s="49"/>
      <c r="E53" s="163"/>
      <c r="F53" s="164"/>
    </row>
    <row r="54" spans="2:6" s="4" customFormat="1" ht="30" customHeight="1" x14ac:dyDescent="0.25">
      <c r="B54" s="84" t="s">
        <v>244</v>
      </c>
      <c r="C54" s="82" t="s">
        <v>245</v>
      </c>
      <c r="D54" s="49"/>
      <c r="E54" s="163"/>
      <c r="F54" s="164"/>
    </row>
    <row r="55" spans="2:6" s="4" customFormat="1" ht="127.5" x14ac:dyDescent="0.25">
      <c r="B55" s="84" t="s">
        <v>246</v>
      </c>
      <c r="C55" s="82" t="s">
        <v>247</v>
      </c>
      <c r="D55" s="49"/>
      <c r="E55" s="163"/>
      <c r="F55" s="164"/>
    </row>
    <row r="56" spans="2:6" s="4" customFormat="1" ht="30" customHeight="1" x14ac:dyDescent="0.25">
      <c r="B56" s="84" t="s">
        <v>248</v>
      </c>
      <c r="C56" s="82" t="s">
        <v>249</v>
      </c>
      <c r="D56" s="49"/>
      <c r="E56" s="163"/>
      <c r="F56" s="164"/>
    </row>
    <row r="57" spans="2:6" s="4" customFormat="1" ht="30" customHeight="1" x14ac:dyDescent="0.25">
      <c r="B57" s="84" t="s">
        <v>250</v>
      </c>
      <c r="C57" s="82" t="s">
        <v>251</v>
      </c>
      <c r="D57" s="49"/>
      <c r="E57" s="163"/>
      <c r="F57" s="164"/>
    </row>
    <row r="58" spans="2:6" s="4" customFormat="1" ht="58.5" customHeight="1" x14ac:dyDescent="0.25">
      <c r="B58" s="84" t="s">
        <v>252</v>
      </c>
      <c r="C58" s="82" t="s">
        <v>253</v>
      </c>
      <c r="D58" s="49"/>
      <c r="E58" s="163"/>
      <c r="F58" s="164"/>
    </row>
    <row r="59" spans="2:6" s="4" customFormat="1" ht="60.75" customHeight="1" x14ac:dyDescent="0.25">
      <c r="B59" s="84" t="s">
        <v>254</v>
      </c>
      <c r="C59" s="82" t="s">
        <v>255</v>
      </c>
      <c r="D59" s="49"/>
      <c r="E59" s="163"/>
      <c r="F59" s="164"/>
    </row>
    <row r="60" spans="2:6" s="4" customFormat="1" ht="30" customHeight="1" x14ac:dyDescent="0.25">
      <c r="B60" s="84" t="s">
        <v>256</v>
      </c>
      <c r="C60" s="82" t="s">
        <v>257</v>
      </c>
      <c r="D60" s="49"/>
      <c r="E60" s="163"/>
      <c r="F60" s="164"/>
    </row>
    <row r="61" spans="2:6" s="4" customFormat="1" ht="30" customHeight="1" x14ac:dyDescent="0.25">
      <c r="B61" s="84" t="s">
        <v>258</v>
      </c>
      <c r="C61" s="82" t="s">
        <v>259</v>
      </c>
      <c r="D61" s="49"/>
      <c r="E61" s="163"/>
      <c r="F61" s="164"/>
    </row>
    <row r="62" spans="2:6" s="4" customFormat="1" ht="30" customHeight="1" x14ac:dyDescent="0.25">
      <c r="B62" s="84" t="s">
        <v>260</v>
      </c>
      <c r="C62" s="82" t="s">
        <v>261</v>
      </c>
      <c r="D62" s="49"/>
      <c r="E62" s="163"/>
      <c r="F62" s="164"/>
    </row>
    <row r="63" spans="2:6" s="4" customFormat="1" ht="30" customHeight="1" x14ac:dyDescent="0.25">
      <c r="B63" s="84" t="s">
        <v>262</v>
      </c>
      <c r="C63" s="82" t="s">
        <v>263</v>
      </c>
      <c r="D63" s="49"/>
      <c r="E63" s="163"/>
      <c r="F63" s="164"/>
    </row>
    <row r="64" spans="2:6" s="4" customFormat="1" ht="30" customHeight="1" x14ac:dyDescent="0.25">
      <c r="B64" s="84" t="s">
        <v>264</v>
      </c>
      <c r="C64" s="82" t="s">
        <v>265</v>
      </c>
      <c r="D64" s="49"/>
      <c r="E64" s="163"/>
      <c r="F64" s="164"/>
    </row>
    <row r="65" spans="2:6" s="4" customFormat="1" ht="51.75" customHeight="1" x14ac:dyDescent="0.25">
      <c r="B65" s="84" t="s">
        <v>266</v>
      </c>
      <c r="C65" s="82" t="s">
        <v>267</v>
      </c>
      <c r="D65" s="49"/>
      <c r="E65" s="163"/>
      <c r="F65" s="164"/>
    </row>
    <row r="66" spans="2:6" s="4" customFormat="1" ht="30" customHeight="1" x14ac:dyDescent="0.25">
      <c r="B66" s="84" t="s">
        <v>268</v>
      </c>
      <c r="C66" s="82" t="s">
        <v>269</v>
      </c>
      <c r="D66" s="49"/>
      <c r="E66" s="163"/>
      <c r="F66" s="164"/>
    </row>
    <row r="67" spans="2:6" s="4" customFormat="1" ht="30" customHeight="1" x14ac:dyDescent="0.25">
      <c r="B67" s="84" t="s">
        <v>270</v>
      </c>
      <c r="C67" s="82" t="s">
        <v>271</v>
      </c>
      <c r="D67" s="49"/>
      <c r="E67" s="163"/>
      <c r="F67" s="164"/>
    </row>
    <row r="68" spans="2:6" s="4" customFormat="1" ht="30" customHeight="1" x14ac:dyDescent="0.25">
      <c r="B68" s="86" t="s">
        <v>59</v>
      </c>
      <c r="C68" s="81" t="s">
        <v>272</v>
      </c>
      <c r="D68" s="49" t="s">
        <v>571</v>
      </c>
      <c r="E68" s="163" t="s">
        <v>571</v>
      </c>
      <c r="F68" s="164"/>
    </row>
    <row r="69" spans="2:6" s="4" customFormat="1" ht="30" customHeight="1" x14ac:dyDescent="0.25">
      <c r="B69" s="84" t="s">
        <v>273</v>
      </c>
      <c r="C69" s="82" t="s">
        <v>274</v>
      </c>
      <c r="D69" s="49"/>
      <c r="E69" s="163"/>
      <c r="F69" s="164"/>
    </row>
    <row r="70" spans="2:6" s="4" customFormat="1" ht="30" customHeight="1" x14ac:dyDescent="0.25">
      <c r="B70" s="84" t="s">
        <v>275</v>
      </c>
      <c r="C70" s="82" t="s">
        <v>276</v>
      </c>
      <c r="D70" s="49"/>
      <c r="E70" s="163"/>
      <c r="F70" s="164"/>
    </row>
    <row r="71" spans="2:6" s="4" customFormat="1" ht="30" customHeight="1" x14ac:dyDescent="0.25">
      <c r="B71" s="84" t="s">
        <v>277</v>
      </c>
      <c r="C71" s="82" t="s">
        <v>278</v>
      </c>
      <c r="D71" s="49"/>
      <c r="E71" s="163"/>
      <c r="F71" s="164"/>
    </row>
    <row r="72" spans="2:6" s="4" customFormat="1" ht="30" customHeight="1" x14ac:dyDescent="0.25">
      <c r="B72" s="84" t="s">
        <v>279</v>
      </c>
      <c r="C72" s="82" t="s">
        <v>280</v>
      </c>
      <c r="D72" s="49"/>
      <c r="E72" s="163"/>
      <c r="F72" s="164"/>
    </row>
    <row r="73" spans="2:6" s="4" customFormat="1" ht="30" customHeight="1" x14ac:dyDescent="0.25">
      <c r="B73" s="84" t="s">
        <v>281</v>
      </c>
      <c r="C73" s="82" t="s">
        <v>282</v>
      </c>
      <c r="D73" s="49"/>
      <c r="E73" s="163"/>
      <c r="F73" s="164"/>
    </row>
    <row r="74" spans="2:6" s="4" customFormat="1" ht="30" customHeight="1" x14ac:dyDescent="0.25">
      <c r="B74" s="84" t="s">
        <v>283</v>
      </c>
      <c r="C74" s="82" t="s">
        <v>284</v>
      </c>
      <c r="D74" s="49"/>
      <c r="E74" s="163"/>
      <c r="F74" s="164"/>
    </row>
    <row r="75" spans="2:6" s="4" customFormat="1" ht="30" customHeight="1" x14ac:dyDescent="0.25">
      <c r="B75" s="86" t="s">
        <v>60</v>
      </c>
      <c r="C75" s="81" t="s">
        <v>285</v>
      </c>
      <c r="D75" s="49" t="s">
        <v>571</v>
      </c>
      <c r="E75" s="163" t="s">
        <v>571</v>
      </c>
      <c r="F75" s="164"/>
    </row>
    <row r="76" spans="2:6" s="4" customFormat="1" ht="30" customHeight="1" x14ac:dyDescent="0.25">
      <c r="B76" s="84" t="s">
        <v>286</v>
      </c>
      <c r="C76" s="82" t="s">
        <v>287</v>
      </c>
      <c r="D76" s="49"/>
      <c r="E76" s="163"/>
      <c r="F76" s="164"/>
    </row>
    <row r="77" spans="2:6" s="4" customFormat="1" ht="30" customHeight="1" x14ac:dyDescent="0.25">
      <c r="B77" s="84" t="s">
        <v>288</v>
      </c>
      <c r="C77" s="82" t="s">
        <v>289</v>
      </c>
      <c r="D77" s="49"/>
      <c r="E77" s="163"/>
      <c r="F77" s="164"/>
    </row>
    <row r="78" spans="2:6" s="4" customFormat="1" ht="30" customHeight="1" x14ac:dyDescent="0.25">
      <c r="B78" s="86" t="s">
        <v>61</v>
      </c>
      <c r="C78" s="81" t="s">
        <v>290</v>
      </c>
      <c r="D78" s="49" t="s">
        <v>571</v>
      </c>
      <c r="E78" s="163" t="s">
        <v>571</v>
      </c>
      <c r="F78" s="164"/>
    </row>
    <row r="79" spans="2:6" s="4" customFormat="1" ht="30" customHeight="1" x14ac:dyDescent="0.25">
      <c r="B79" s="84" t="s">
        <v>291</v>
      </c>
      <c r="C79" s="82" t="s">
        <v>292</v>
      </c>
      <c r="D79" s="49"/>
      <c r="E79" s="163"/>
      <c r="F79" s="164"/>
    </row>
    <row r="80" spans="2:6" s="4" customFormat="1" ht="30" customHeight="1" x14ac:dyDescent="0.25">
      <c r="B80" s="84" t="s">
        <v>293</v>
      </c>
      <c r="C80" s="82" t="s">
        <v>294</v>
      </c>
      <c r="D80" s="49"/>
      <c r="E80" s="163"/>
      <c r="F80" s="164"/>
    </row>
    <row r="81" spans="2:6" s="4" customFormat="1" ht="30" customHeight="1" x14ac:dyDescent="0.25">
      <c r="B81" s="84" t="s">
        <v>295</v>
      </c>
      <c r="C81" s="82" t="s">
        <v>296</v>
      </c>
      <c r="D81" s="49"/>
      <c r="E81" s="163"/>
      <c r="F81" s="164"/>
    </row>
    <row r="82" spans="2:6" s="4" customFormat="1" ht="30" customHeight="1" x14ac:dyDescent="0.25">
      <c r="B82" s="84" t="s">
        <v>297</v>
      </c>
      <c r="C82" s="82" t="s">
        <v>298</v>
      </c>
      <c r="D82" s="49"/>
      <c r="E82" s="163"/>
      <c r="F82" s="164"/>
    </row>
    <row r="83" spans="2:6" s="4" customFormat="1" ht="30" customHeight="1" x14ac:dyDescent="0.25">
      <c r="B83" s="84" t="s">
        <v>299</v>
      </c>
      <c r="C83" s="82" t="s">
        <v>300</v>
      </c>
      <c r="D83" s="49"/>
      <c r="E83" s="163"/>
      <c r="F83" s="164"/>
    </row>
    <row r="84" spans="2:6" s="4" customFormat="1" ht="30" customHeight="1" x14ac:dyDescent="0.25">
      <c r="B84" s="84" t="s">
        <v>301</v>
      </c>
      <c r="C84" s="82" t="s">
        <v>302</v>
      </c>
      <c r="D84" s="49"/>
      <c r="E84" s="163"/>
      <c r="F84" s="164"/>
    </row>
    <row r="85" spans="2:6" s="4" customFormat="1" ht="30" customHeight="1" x14ac:dyDescent="0.25">
      <c r="B85" s="86" t="s">
        <v>68</v>
      </c>
      <c r="C85" s="81" t="s">
        <v>303</v>
      </c>
      <c r="D85" s="49" t="s">
        <v>571</v>
      </c>
      <c r="E85" s="163" t="s">
        <v>571</v>
      </c>
      <c r="F85" s="164"/>
    </row>
    <row r="86" spans="2:6" s="4" customFormat="1" ht="30" customHeight="1" x14ac:dyDescent="0.25">
      <c r="B86" s="84" t="s">
        <v>304</v>
      </c>
      <c r="C86" s="82" t="s">
        <v>305</v>
      </c>
      <c r="D86" s="49"/>
      <c r="E86" s="163"/>
      <c r="F86" s="164"/>
    </row>
    <row r="87" spans="2:6" s="4" customFormat="1" ht="30" customHeight="1" x14ac:dyDescent="0.25">
      <c r="B87" s="84" t="s">
        <v>306</v>
      </c>
      <c r="C87" s="82" t="s">
        <v>307</v>
      </c>
      <c r="D87" s="49"/>
      <c r="E87" s="163"/>
      <c r="F87" s="164"/>
    </row>
    <row r="88" spans="2:6" s="4" customFormat="1" ht="30" customHeight="1" x14ac:dyDescent="0.25">
      <c r="B88" s="84" t="s">
        <v>308</v>
      </c>
      <c r="C88" s="82" t="s">
        <v>309</v>
      </c>
      <c r="D88" s="49"/>
      <c r="E88" s="163"/>
      <c r="F88" s="164"/>
    </row>
    <row r="89" spans="2:6" s="4" customFormat="1" ht="58.5" customHeight="1" x14ac:dyDescent="0.25">
      <c r="B89" s="84" t="s">
        <v>310</v>
      </c>
      <c r="C89" s="82" t="s">
        <v>311</v>
      </c>
      <c r="D89" s="49"/>
      <c r="E89" s="163"/>
      <c r="F89" s="164"/>
    </row>
    <row r="90" spans="2:6" s="4" customFormat="1" ht="30" customHeight="1" x14ac:dyDescent="0.25">
      <c r="B90" s="86" t="s">
        <v>62</v>
      </c>
      <c r="C90" s="81" t="s">
        <v>312</v>
      </c>
      <c r="D90" s="49" t="s">
        <v>571</v>
      </c>
      <c r="E90" s="163" t="s">
        <v>571</v>
      </c>
      <c r="F90" s="164"/>
    </row>
    <row r="91" spans="2:6" s="4" customFormat="1" ht="30" customHeight="1" x14ac:dyDescent="0.25">
      <c r="B91" s="84" t="s">
        <v>313</v>
      </c>
      <c r="C91" s="82" t="s">
        <v>314</v>
      </c>
      <c r="D91" s="49"/>
      <c r="E91" s="163"/>
      <c r="F91" s="164"/>
    </row>
    <row r="92" spans="2:6" s="4" customFormat="1" ht="30" customHeight="1" x14ac:dyDescent="0.25">
      <c r="B92" s="84" t="s">
        <v>315</v>
      </c>
      <c r="C92" s="82" t="s">
        <v>316</v>
      </c>
      <c r="D92" s="49"/>
      <c r="E92" s="163"/>
      <c r="F92" s="164"/>
    </row>
    <row r="93" spans="2:6" s="4" customFormat="1" ht="30" customHeight="1" x14ac:dyDescent="0.25">
      <c r="B93" s="84" t="s">
        <v>317</v>
      </c>
      <c r="C93" s="82" t="s">
        <v>318</v>
      </c>
      <c r="D93" s="49"/>
      <c r="E93" s="163"/>
      <c r="F93" s="164"/>
    </row>
    <row r="94" spans="2:6" s="4" customFormat="1" ht="30" customHeight="1" x14ac:dyDescent="0.25">
      <c r="B94" s="84" t="s">
        <v>319</v>
      </c>
      <c r="C94" s="82" t="s">
        <v>320</v>
      </c>
      <c r="D94" s="49"/>
      <c r="E94" s="163"/>
      <c r="F94" s="164"/>
    </row>
    <row r="95" spans="2:6" s="4" customFormat="1" ht="30" customHeight="1" x14ac:dyDescent="0.25">
      <c r="B95" s="84" t="s">
        <v>321</v>
      </c>
      <c r="C95" s="82" t="s">
        <v>322</v>
      </c>
      <c r="D95" s="49"/>
      <c r="E95" s="163"/>
      <c r="F95" s="164"/>
    </row>
    <row r="96" spans="2:6" s="4" customFormat="1" ht="30" customHeight="1" x14ac:dyDescent="0.25">
      <c r="B96" s="84" t="s">
        <v>323</v>
      </c>
      <c r="C96" s="82" t="s">
        <v>324</v>
      </c>
      <c r="D96" s="49"/>
      <c r="E96" s="163"/>
      <c r="F96" s="164"/>
    </row>
    <row r="97" spans="2:6" s="4" customFormat="1" ht="30" customHeight="1" x14ac:dyDescent="0.25">
      <c r="B97" s="84" t="s">
        <v>325</v>
      </c>
      <c r="C97" s="82" t="s">
        <v>326</v>
      </c>
      <c r="D97" s="49"/>
      <c r="E97" s="163"/>
      <c r="F97" s="164"/>
    </row>
    <row r="98" spans="2:6" s="4" customFormat="1" ht="30" customHeight="1" x14ac:dyDescent="0.25">
      <c r="B98" s="84" t="s">
        <v>327</v>
      </c>
      <c r="C98" s="82" t="s">
        <v>328</v>
      </c>
      <c r="D98" s="49"/>
      <c r="E98" s="163"/>
      <c r="F98" s="164"/>
    </row>
    <row r="99" spans="2:6" s="4" customFormat="1" ht="30" customHeight="1" x14ac:dyDescent="0.25">
      <c r="B99" s="86" t="s">
        <v>63</v>
      </c>
      <c r="C99" s="81" t="s">
        <v>329</v>
      </c>
      <c r="D99" s="49" t="s">
        <v>571</v>
      </c>
      <c r="E99" s="163" t="s">
        <v>571</v>
      </c>
      <c r="F99" s="164"/>
    </row>
    <row r="100" spans="2:6" s="4" customFormat="1" ht="30" customHeight="1" x14ac:dyDescent="0.25">
      <c r="B100" s="84" t="s">
        <v>330</v>
      </c>
      <c r="C100" s="82" t="s">
        <v>331</v>
      </c>
      <c r="D100" s="49"/>
      <c r="E100" s="163"/>
      <c r="F100" s="164"/>
    </row>
    <row r="101" spans="2:6" s="4" customFormat="1" ht="30" customHeight="1" x14ac:dyDescent="0.25">
      <c r="B101" s="84" t="s">
        <v>332</v>
      </c>
      <c r="C101" s="82" t="s">
        <v>333</v>
      </c>
      <c r="D101" s="49"/>
      <c r="E101" s="163"/>
      <c r="F101" s="164"/>
    </row>
    <row r="102" spans="2:6" s="4" customFormat="1" ht="30" customHeight="1" x14ac:dyDescent="0.25">
      <c r="B102" s="84" t="s">
        <v>334</v>
      </c>
      <c r="C102" s="82" t="s">
        <v>335</v>
      </c>
      <c r="D102" s="49"/>
      <c r="E102" s="163"/>
      <c r="F102" s="164"/>
    </row>
    <row r="103" spans="2:6" s="4" customFormat="1" ht="30" customHeight="1" x14ac:dyDescent="0.25">
      <c r="B103" s="84" t="s">
        <v>336</v>
      </c>
      <c r="C103" s="82" t="s">
        <v>337</v>
      </c>
      <c r="D103" s="49"/>
      <c r="E103" s="163"/>
      <c r="F103" s="164"/>
    </row>
    <row r="104" spans="2:6" s="4" customFormat="1" ht="30" customHeight="1" x14ac:dyDescent="0.25">
      <c r="B104" s="84" t="s">
        <v>338</v>
      </c>
      <c r="C104" s="82" t="s">
        <v>339</v>
      </c>
      <c r="D104" s="49"/>
      <c r="E104" s="163"/>
      <c r="F104" s="164"/>
    </row>
    <row r="105" spans="2:6" s="4" customFormat="1" ht="30" customHeight="1" x14ac:dyDescent="0.25">
      <c r="B105" s="84" t="s">
        <v>340</v>
      </c>
      <c r="C105" s="82" t="s">
        <v>341</v>
      </c>
      <c r="D105" s="49"/>
      <c r="E105" s="163"/>
      <c r="F105" s="164"/>
    </row>
    <row r="106" spans="2:6" s="4" customFormat="1" ht="30" customHeight="1" x14ac:dyDescent="0.25">
      <c r="B106" s="84" t="s">
        <v>342</v>
      </c>
      <c r="C106" s="82" t="s">
        <v>343</v>
      </c>
      <c r="D106" s="49"/>
      <c r="E106" s="163"/>
      <c r="F106" s="164"/>
    </row>
    <row r="107" spans="2:6" s="4" customFormat="1" ht="30" customHeight="1" x14ac:dyDescent="0.25">
      <c r="B107" s="84" t="s">
        <v>344</v>
      </c>
      <c r="C107" s="82" t="s">
        <v>345</v>
      </c>
      <c r="D107" s="49"/>
      <c r="E107" s="163"/>
      <c r="F107" s="164"/>
    </row>
    <row r="108" spans="2:6" s="4" customFormat="1" ht="30" customHeight="1" x14ac:dyDescent="0.25">
      <c r="B108" s="84" t="s">
        <v>346</v>
      </c>
      <c r="C108" s="82" t="s">
        <v>347</v>
      </c>
      <c r="D108" s="49"/>
      <c r="E108" s="163"/>
      <c r="F108" s="164"/>
    </row>
    <row r="109" spans="2:6" s="4" customFormat="1" ht="30" customHeight="1" x14ac:dyDescent="0.25">
      <c r="B109" s="84" t="s">
        <v>348</v>
      </c>
      <c r="C109" s="82" t="s">
        <v>349</v>
      </c>
      <c r="D109" s="49"/>
      <c r="E109" s="163"/>
      <c r="F109" s="164"/>
    </row>
    <row r="110" spans="2:6" s="4" customFormat="1" ht="30" customHeight="1" x14ac:dyDescent="0.25">
      <c r="B110" s="84" t="s">
        <v>350</v>
      </c>
      <c r="C110" s="82" t="s">
        <v>351</v>
      </c>
      <c r="D110" s="49"/>
      <c r="E110" s="163"/>
      <c r="F110" s="164"/>
    </row>
    <row r="111" spans="2:6" s="4" customFormat="1" ht="30" customHeight="1" x14ac:dyDescent="0.25">
      <c r="B111" s="84" t="s">
        <v>352</v>
      </c>
      <c r="C111" s="82" t="s">
        <v>353</v>
      </c>
      <c r="D111" s="49"/>
      <c r="E111" s="163"/>
      <c r="F111" s="164"/>
    </row>
    <row r="112" spans="2:6" s="4" customFormat="1" ht="30" customHeight="1" x14ac:dyDescent="0.25">
      <c r="B112" s="84" t="s">
        <v>354</v>
      </c>
      <c r="C112" s="82" t="s">
        <v>355</v>
      </c>
      <c r="D112" s="49"/>
      <c r="E112" s="163"/>
      <c r="F112" s="164"/>
    </row>
    <row r="113" spans="2:6" s="4" customFormat="1" ht="53.25" customHeight="1" x14ac:dyDescent="0.25">
      <c r="B113" s="84" t="s">
        <v>356</v>
      </c>
      <c r="C113" s="82" t="s">
        <v>357</v>
      </c>
      <c r="D113" s="49"/>
      <c r="E113" s="163"/>
      <c r="F113" s="164"/>
    </row>
    <row r="114" spans="2:6" s="4" customFormat="1" ht="30" customHeight="1" x14ac:dyDescent="0.25">
      <c r="B114" s="84" t="s">
        <v>358</v>
      </c>
      <c r="C114" s="82" t="s">
        <v>359</v>
      </c>
      <c r="D114" s="49"/>
      <c r="E114" s="163"/>
      <c r="F114" s="164"/>
    </row>
    <row r="115" spans="2:6" s="4" customFormat="1" ht="30" customHeight="1" x14ac:dyDescent="0.25">
      <c r="B115" s="84" t="s">
        <v>360</v>
      </c>
      <c r="C115" s="82" t="s">
        <v>361</v>
      </c>
      <c r="D115" s="49"/>
      <c r="E115" s="163"/>
      <c r="F115" s="164"/>
    </row>
    <row r="116" spans="2:6" s="4" customFormat="1" ht="30" customHeight="1" x14ac:dyDescent="0.25">
      <c r="B116" s="84" t="s">
        <v>362</v>
      </c>
      <c r="C116" s="82" t="s">
        <v>363</v>
      </c>
      <c r="D116" s="49"/>
      <c r="E116" s="163"/>
      <c r="F116" s="164"/>
    </row>
    <row r="117" spans="2:6" s="4" customFormat="1" ht="30" customHeight="1" x14ac:dyDescent="0.25">
      <c r="B117" s="84" t="s">
        <v>364</v>
      </c>
      <c r="C117" s="82" t="s">
        <v>365</v>
      </c>
      <c r="D117" s="49"/>
      <c r="E117" s="163"/>
      <c r="F117" s="164"/>
    </row>
    <row r="118" spans="2:6" s="4" customFormat="1" ht="30" customHeight="1" x14ac:dyDescent="0.25">
      <c r="B118" s="84" t="s">
        <v>366</v>
      </c>
      <c r="C118" s="82" t="s">
        <v>367</v>
      </c>
      <c r="D118" s="49"/>
      <c r="E118" s="163"/>
      <c r="F118" s="164"/>
    </row>
    <row r="119" spans="2:6" s="4" customFormat="1" ht="30" customHeight="1" x14ac:dyDescent="0.25">
      <c r="B119" s="84" t="s">
        <v>368</v>
      </c>
      <c r="C119" s="82" t="s">
        <v>369</v>
      </c>
      <c r="D119" s="49"/>
      <c r="E119" s="163"/>
      <c r="F119" s="164"/>
    </row>
    <row r="120" spans="2:6" s="4" customFormat="1" ht="30" customHeight="1" x14ac:dyDescent="0.25">
      <c r="B120" s="84" t="s">
        <v>370</v>
      </c>
      <c r="C120" s="82" t="s">
        <v>371</v>
      </c>
      <c r="D120" s="49"/>
      <c r="E120" s="163"/>
      <c r="F120" s="164"/>
    </row>
    <row r="121" spans="2:6" s="4" customFormat="1" ht="30" customHeight="1" x14ac:dyDescent="0.25">
      <c r="B121" s="84" t="s">
        <v>372</v>
      </c>
      <c r="C121" s="82" t="s">
        <v>373</v>
      </c>
      <c r="D121" s="49"/>
      <c r="E121" s="163"/>
      <c r="F121" s="164"/>
    </row>
    <row r="122" spans="2:6" s="4" customFormat="1" ht="30" customHeight="1" x14ac:dyDescent="0.25">
      <c r="B122" s="84" t="s">
        <v>374</v>
      </c>
      <c r="C122" s="82" t="s">
        <v>375</v>
      </c>
      <c r="D122" s="49"/>
      <c r="E122" s="163"/>
      <c r="F122" s="164"/>
    </row>
    <row r="123" spans="2:6" s="4" customFormat="1" ht="30" customHeight="1" x14ac:dyDescent="0.25">
      <c r="B123" s="84" t="s">
        <v>376</v>
      </c>
      <c r="C123" s="82" t="s">
        <v>377</v>
      </c>
      <c r="D123" s="49"/>
      <c r="E123" s="163"/>
      <c r="F123" s="164"/>
    </row>
    <row r="124" spans="2:6" s="4" customFormat="1" ht="30" customHeight="1" x14ac:dyDescent="0.25">
      <c r="B124" s="84" t="s">
        <v>378</v>
      </c>
      <c r="C124" s="82" t="s">
        <v>379</v>
      </c>
      <c r="D124" s="49"/>
      <c r="E124" s="163"/>
      <c r="F124" s="164"/>
    </row>
    <row r="125" spans="2:6" s="4" customFormat="1" ht="30" customHeight="1" x14ac:dyDescent="0.25">
      <c r="B125" s="84" t="s">
        <v>380</v>
      </c>
      <c r="C125" s="82" t="s">
        <v>381</v>
      </c>
      <c r="D125" s="49"/>
      <c r="E125" s="163"/>
      <c r="F125" s="164"/>
    </row>
    <row r="126" spans="2:6" s="4" customFormat="1" ht="30" customHeight="1" x14ac:dyDescent="0.25">
      <c r="B126" s="84" t="s">
        <v>382</v>
      </c>
      <c r="C126" s="82" t="s">
        <v>383</v>
      </c>
      <c r="D126" s="49"/>
      <c r="E126" s="163"/>
      <c r="F126" s="164"/>
    </row>
    <row r="127" spans="2:6" s="4" customFormat="1" ht="63" customHeight="1" x14ac:dyDescent="0.25">
      <c r="B127" s="84" t="s">
        <v>384</v>
      </c>
      <c r="C127" s="82" t="s">
        <v>385</v>
      </c>
      <c r="D127" s="49"/>
      <c r="E127" s="163"/>
      <c r="F127" s="164"/>
    </row>
    <row r="128" spans="2:6" s="4" customFormat="1" ht="44.25" customHeight="1" x14ac:dyDescent="0.25">
      <c r="B128" s="84" t="s">
        <v>386</v>
      </c>
      <c r="C128" s="82" t="s">
        <v>387</v>
      </c>
      <c r="D128" s="49"/>
      <c r="E128" s="163"/>
      <c r="F128" s="164"/>
    </row>
    <row r="129" spans="2:6" s="4" customFormat="1" ht="30" customHeight="1" x14ac:dyDescent="0.25">
      <c r="B129" s="84" t="s">
        <v>388</v>
      </c>
      <c r="C129" s="82" t="s">
        <v>389</v>
      </c>
      <c r="D129" s="49"/>
      <c r="E129" s="163"/>
      <c r="F129" s="164"/>
    </row>
    <row r="130" spans="2:6" s="4" customFormat="1" ht="30" customHeight="1" x14ac:dyDescent="0.25">
      <c r="B130" s="84" t="s">
        <v>390</v>
      </c>
      <c r="C130" s="82" t="s">
        <v>391</v>
      </c>
      <c r="D130" s="49"/>
      <c r="E130" s="163"/>
      <c r="F130" s="164"/>
    </row>
    <row r="131" spans="2:6" s="4" customFormat="1" ht="30" customHeight="1" x14ac:dyDescent="0.25">
      <c r="B131" s="84" t="s">
        <v>392</v>
      </c>
      <c r="C131" s="82" t="s">
        <v>393</v>
      </c>
      <c r="D131" s="49"/>
      <c r="E131" s="163"/>
      <c r="F131" s="164"/>
    </row>
    <row r="132" spans="2:6" s="4" customFormat="1" ht="30" customHeight="1" x14ac:dyDescent="0.25">
      <c r="B132" s="84" t="s">
        <v>394</v>
      </c>
      <c r="C132" s="82" t="s">
        <v>395</v>
      </c>
      <c r="D132" s="49"/>
      <c r="E132" s="163"/>
      <c r="F132" s="164"/>
    </row>
    <row r="133" spans="2:6" s="4" customFormat="1" ht="30" customHeight="1" x14ac:dyDescent="0.25">
      <c r="B133" s="84" t="s">
        <v>396</v>
      </c>
      <c r="C133" s="82" t="s">
        <v>397</v>
      </c>
      <c r="D133" s="49"/>
      <c r="E133" s="163"/>
      <c r="F133" s="164"/>
    </row>
    <row r="134" spans="2:6" s="4" customFormat="1" ht="30" customHeight="1" x14ac:dyDescent="0.25">
      <c r="B134" s="84" t="s">
        <v>398</v>
      </c>
      <c r="C134" s="82" t="s">
        <v>399</v>
      </c>
      <c r="D134" s="49"/>
      <c r="E134" s="163"/>
      <c r="F134" s="164"/>
    </row>
    <row r="135" spans="2:6" s="4" customFormat="1" ht="30" customHeight="1" x14ac:dyDescent="0.25">
      <c r="B135" s="84" t="s">
        <v>400</v>
      </c>
      <c r="C135" s="82" t="s">
        <v>401</v>
      </c>
      <c r="D135" s="49"/>
      <c r="E135" s="163"/>
      <c r="F135" s="164"/>
    </row>
    <row r="136" spans="2:6" s="4" customFormat="1" ht="30" customHeight="1" x14ac:dyDescent="0.25">
      <c r="B136" s="84" t="s">
        <v>402</v>
      </c>
      <c r="C136" s="82" t="s">
        <v>403</v>
      </c>
      <c r="D136" s="49"/>
      <c r="E136" s="163"/>
      <c r="F136" s="164"/>
    </row>
    <row r="137" spans="2:6" s="4" customFormat="1" ht="30" customHeight="1" x14ac:dyDescent="0.25">
      <c r="B137" s="84" t="s">
        <v>404</v>
      </c>
      <c r="C137" s="82" t="s">
        <v>405</v>
      </c>
      <c r="D137" s="49"/>
      <c r="E137" s="163"/>
      <c r="F137" s="164"/>
    </row>
    <row r="138" spans="2:6" s="4" customFormat="1" ht="30" customHeight="1" x14ac:dyDescent="0.25">
      <c r="B138" s="84" t="s">
        <v>406</v>
      </c>
      <c r="C138" s="82" t="s">
        <v>407</v>
      </c>
      <c r="D138" s="49"/>
      <c r="E138" s="163"/>
      <c r="F138" s="164"/>
    </row>
    <row r="139" spans="2:6" s="4" customFormat="1" ht="30" customHeight="1" x14ac:dyDescent="0.25">
      <c r="B139" s="84" t="s">
        <v>408</v>
      </c>
      <c r="C139" s="82" t="s">
        <v>409</v>
      </c>
      <c r="D139" s="49"/>
      <c r="E139" s="163"/>
      <c r="F139" s="164"/>
    </row>
    <row r="140" spans="2:6" s="4" customFormat="1" ht="30" customHeight="1" x14ac:dyDescent="0.25">
      <c r="B140" s="84" t="s">
        <v>410</v>
      </c>
      <c r="C140" s="82" t="s">
        <v>411</v>
      </c>
      <c r="D140" s="49"/>
      <c r="E140" s="163"/>
      <c r="F140" s="164"/>
    </row>
    <row r="141" spans="2:6" s="4" customFormat="1" ht="30" customHeight="1" x14ac:dyDescent="0.25">
      <c r="B141" s="84" t="s">
        <v>412</v>
      </c>
      <c r="C141" s="82" t="s">
        <v>413</v>
      </c>
      <c r="D141" s="49"/>
      <c r="E141" s="163"/>
      <c r="F141" s="164"/>
    </row>
    <row r="142" spans="2:6" s="4" customFormat="1" ht="30" customHeight="1" x14ac:dyDescent="0.25">
      <c r="B142" s="84" t="s">
        <v>414</v>
      </c>
      <c r="C142" s="82" t="s">
        <v>415</v>
      </c>
      <c r="D142" s="49"/>
      <c r="E142" s="163"/>
      <c r="F142" s="164"/>
    </row>
    <row r="143" spans="2:6" s="4" customFormat="1" ht="30" customHeight="1" x14ac:dyDescent="0.25">
      <c r="B143" s="84" t="s">
        <v>416</v>
      </c>
      <c r="C143" s="82" t="s">
        <v>417</v>
      </c>
      <c r="D143" s="49"/>
      <c r="E143" s="163"/>
      <c r="F143" s="164"/>
    </row>
    <row r="144" spans="2:6" s="4" customFormat="1" ht="30" customHeight="1" x14ac:dyDescent="0.25">
      <c r="B144" s="84" t="s">
        <v>418</v>
      </c>
      <c r="C144" s="82" t="s">
        <v>419</v>
      </c>
      <c r="D144" s="49"/>
      <c r="E144" s="163"/>
      <c r="F144" s="164"/>
    </row>
    <row r="145" spans="2:6" s="4" customFormat="1" ht="30" customHeight="1" x14ac:dyDescent="0.25">
      <c r="B145" s="84" t="s">
        <v>420</v>
      </c>
      <c r="C145" s="82" t="s">
        <v>421</v>
      </c>
      <c r="D145" s="49"/>
      <c r="E145" s="163"/>
      <c r="F145" s="164"/>
    </row>
    <row r="146" spans="2:6" s="4" customFormat="1" ht="30" customHeight="1" x14ac:dyDescent="0.25">
      <c r="B146" s="85" t="s">
        <v>422</v>
      </c>
      <c r="C146" s="82" t="s">
        <v>423</v>
      </c>
      <c r="D146" s="49"/>
      <c r="E146" s="163"/>
      <c r="F146" s="164"/>
    </row>
    <row r="147" spans="2:6" s="4" customFormat="1" ht="30" customHeight="1" x14ac:dyDescent="0.25">
      <c r="B147" s="85" t="s">
        <v>424</v>
      </c>
      <c r="C147" s="82" t="s">
        <v>425</v>
      </c>
      <c r="D147" s="49"/>
      <c r="E147" s="163"/>
      <c r="F147" s="164"/>
    </row>
    <row r="148" spans="2:6" s="4" customFormat="1" ht="30" customHeight="1" x14ac:dyDescent="0.25">
      <c r="B148" s="84" t="s">
        <v>426</v>
      </c>
      <c r="C148" s="82" t="s">
        <v>427</v>
      </c>
      <c r="D148" s="49"/>
      <c r="E148" s="163"/>
      <c r="F148" s="164"/>
    </row>
    <row r="149" spans="2:6" s="4" customFormat="1" ht="30" customHeight="1" x14ac:dyDescent="0.25">
      <c r="B149" s="84" t="s">
        <v>428</v>
      </c>
      <c r="C149" s="82" t="s">
        <v>429</v>
      </c>
      <c r="D149" s="49"/>
      <c r="E149" s="163"/>
      <c r="F149" s="164"/>
    </row>
    <row r="150" spans="2:6" s="4" customFormat="1" ht="30" customHeight="1" x14ac:dyDescent="0.25">
      <c r="B150" s="85" t="s">
        <v>430</v>
      </c>
      <c r="C150" s="82" t="s">
        <v>431</v>
      </c>
      <c r="D150" s="49"/>
      <c r="E150" s="163"/>
      <c r="F150" s="164"/>
    </row>
    <row r="151" spans="2:6" s="4" customFormat="1" ht="30" customHeight="1" x14ac:dyDescent="0.25">
      <c r="B151" s="85" t="s">
        <v>432</v>
      </c>
      <c r="C151" s="82" t="s">
        <v>433</v>
      </c>
      <c r="D151" s="49"/>
      <c r="E151" s="163"/>
      <c r="F151" s="164"/>
    </row>
    <row r="152" spans="2:6" s="4" customFormat="1" ht="30" customHeight="1" x14ac:dyDescent="0.25">
      <c r="B152" s="84" t="s">
        <v>434</v>
      </c>
      <c r="C152" s="82" t="s">
        <v>435</v>
      </c>
      <c r="D152" s="49"/>
      <c r="E152" s="163"/>
      <c r="F152" s="164"/>
    </row>
    <row r="153" spans="2:6" s="4" customFormat="1" ht="30" customHeight="1" x14ac:dyDescent="0.25">
      <c r="B153" s="84" t="s">
        <v>436</v>
      </c>
      <c r="C153" s="82" t="s">
        <v>437</v>
      </c>
      <c r="D153" s="49"/>
      <c r="E153" s="163"/>
      <c r="F153" s="164"/>
    </row>
    <row r="154" spans="2:6" s="4" customFormat="1" ht="30" customHeight="1" x14ac:dyDescent="0.25">
      <c r="B154" s="84" t="s">
        <v>438</v>
      </c>
      <c r="C154" s="82" t="s">
        <v>439</v>
      </c>
      <c r="D154" s="49"/>
      <c r="E154" s="163"/>
      <c r="F154" s="164"/>
    </row>
    <row r="155" spans="2:6" s="4" customFormat="1" ht="30" customHeight="1" x14ac:dyDescent="0.25">
      <c r="B155" s="84" t="s">
        <v>440</v>
      </c>
      <c r="C155" s="82" t="s">
        <v>441</v>
      </c>
      <c r="D155" s="49"/>
      <c r="E155" s="163"/>
      <c r="F155" s="164"/>
    </row>
    <row r="156" spans="2:6" s="4" customFormat="1" ht="30" customHeight="1" x14ac:dyDescent="0.25">
      <c r="B156" s="84" t="s">
        <v>442</v>
      </c>
      <c r="C156" s="82" t="s">
        <v>443</v>
      </c>
      <c r="D156" s="49"/>
      <c r="E156" s="163"/>
      <c r="F156" s="164"/>
    </row>
    <row r="157" spans="2:6" s="4" customFormat="1" ht="30" customHeight="1" x14ac:dyDescent="0.25">
      <c r="B157" s="86" t="s">
        <v>64</v>
      </c>
      <c r="C157" s="81" t="s">
        <v>444</v>
      </c>
      <c r="D157" s="49" t="s">
        <v>571</v>
      </c>
      <c r="E157" s="163" t="s">
        <v>571</v>
      </c>
      <c r="F157" s="164"/>
    </row>
    <row r="158" spans="2:6" s="4" customFormat="1" ht="46.5" customHeight="1" x14ac:dyDescent="0.25">
      <c r="B158" s="84" t="s">
        <v>445</v>
      </c>
      <c r="C158" s="82" t="s">
        <v>584</v>
      </c>
      <c r="D158" s="49"/>
      <c r="E158" s="163"/>
      <c r="F158" s="164"/>
    </row>
    <row r="159" spans="2:6" s="4" customFormat="1" ht="30" customHeight="1" x14ac:dyDescent="0.25">
      <c r="B159" s="84" t="s">
        <v>446</v>
      </c>
      <c r="C159" s="82" t="s">
        <v>447</v>
      </c>
      <c r="D159" s="49"/>
      <c r="E159" s="163"/>
      <c r="F159" s="164"/>
    </row>
    <row r="160" spans="2:6" s="4" customFormat="1" ht="30" customHeight="1" x14ac:dyDescent="0.25">
      <c r="B160" s="84" t="s">
        <v>448</v>
      </c>
      <c r="C160" s="82" t="s">
        <v>449</v>
      </c>
      <c r="D160" s="49"/>
      <c r="E160" s="163"/>
      <c r="F160" s="164"/>
    </row>
    <row r="161" spans="2:6" s="4" customFormat="1" ht="30" customHeight="1" x14ac:dyDescent="0.25">
      <c r="B161" s="84" t="s">
        <v>450</v>
      </c>
      <c r="C161" s="82" t="s">
        <v>451</v>
      </c>
      <c r="D161" s="49"/>
      <c r="E161" s="163"/>
      <c r="F161" s="164"/>
    </row>
    <row r="162" spans="2:6" s="4" customFormat="1" ht="30" customHeight="1" x14ac:dyDescent="0.25">
      <c r="B162" s="84" t="s">
        <v>452</v>
      </c>
      <c r="C162" s="82" t="s">
        <v>453</v>
      </c>
      <c r="D162" s="49"/>
      <c r="E162" s="163"/>
      <c r="F162" s="164"/>
    </row>
    <row r="163" spans="2:6" s="4" customFormat="1" ht="30" customHeight="1" x14ac:dyDescent="0.25">
      <c r="B163" s="83" t="s">
        <v>454</v>
      </c>
      <c r="C163" s="82" t="s">
        <v>455</v>
      </c>
      <c r="D163" s="49"/>
      <c r="E163" s="163"/>
      <c r="F163" s="164"/>
    </row>
    <row r="164" spans="2:6" s="4" customFormat="1" ht="30" customHeight="1" x14ac:dyDescent="0.25">
      <c r="B164" s="83" t="s">
        <v>456</v>
      </c>
      <c r="C164" s="82" t="s">
        <v>457</v>
      </c>
      <c r="D164" s="49"/>
      <c r="E164" s="163"/>
      <c r="F164" s="164"/>
    </row>
    <row r="165" spans="2:6" s="4" customFormat="1" ht="30" customHeight="1" x14ac:dyDescent="0.25">
      <c r="B165" s="83" t="s">
        <v>458</v>
      </c>
      <c r="C165" s="82" t="s">
        <v>459</v>
      </c>
      <c r="D165" s="49"/>
      <c r="E165" s="163"/>
      <c r="F165" s="164"/>
    </row>
    <row r="166" spans="2:6" s="4" customFormat="1" ht="30" customHeight="1" x14ac:dyDescent="0.25">
      <c r="B166" s="83" t="s">
        <v>460</v>
      </c>
      <c r="C166" s="82" t="s">
        <v>461</v>
      </c>
      <c r="D166" s="49"/>
      <c r="E166" s="163"/>
      <c r="F166" s="164"/>
    </row>
    <row r="167" spans="2:6" s="4" customFormat="1" ht="30" customHeight="1" x14ac:dyDescent="0.25">
      <c r="B167" s="83" t="s">
        <v>462</v>
      </c>
      <c r="C167" s="82" t="s">
        <v>463</v>
      </c>
      <c r="D167" s="49"/>
      <c r="E167" s="163"/>
      <c r="F167" s="164"/>
    </row>
    <row r="168" spans="2:6" s="4" customFormat="1" ht="30" customHeight="1" x14ac:dyDescent="0.25">
      <c r="B168" s="83" t="s">
        <v>464</v>
      </c>
      <c r="C168" s="82" t="s">
        <v>465</v>
      </c>
      <c r="D168" s="49"/>
      <c r="E168" s="163"/>
      <c r="F168" s="164"/>
    </row>
    <row r="169" spans="2:6" s="4" customFormat="1" ht="30" customHeight="1" x14ac:dyDescent="0.25">
      <c r="B169" s="83" t="s">
        <v>466</v>
      </c>
      <c r="C169" s="82" t="s">
        <v>467</v>
      </c>
      <c r="D169" s="49"/>
      <c r="E169" s="163"/>
      <c r="F169" s="164"/>
    </row>
    <row r="170" spans="2:6" s="4" customFormat="1" ht="30" customHeight="1" x14ac:dyDescent="0.25">
      <c r="B170" s="83" t="s">
        <v>468</v>
      </c>
      <c r="C170" s="82" t="s">
        <v>469</v>
      </c>
      <c r="D170" s="49"/>
      <c r="E170" s="163"/>
      <c r="F170" s="164"/>
    </row>
    <row r="171" spans="2:6" s="4" customFormat="1" ht="30" customHeight="1" x14ac:dyDescent="0.25">
      <c r="B171" s="83" t="s">
        <v>470</v>
      </c>
      <c r="C171" s="82" t="s">
        <v>471</v>
      </c>
      <c r="D171" s="49"/>
      <c r="E171" s="163"/>
      <c r="F171" s="164"/>
    </row>
    <row r="172" spans="2:6" s="4" customFormat="1" ht="30" customHeight="1" x14ac:dyDescent="0.25">
      <c r="B172" s="84" t="s">
        <v>472</v>
      </c>
      <c r="C172" s="82" t="s">
        <v>473</v>
      </c>
      <c r="D172" s="49"/>
      <c r="E172" s="163"/>
      <c r="F172" s="164"/>
    </row>
    <row r="173" spans="2:6" s="4" customFormat="1" ht="30" customHeight="1" x14ac:dyDescent="0.25">
      <c r="B173" s="83" t="s">
        <v>474</v>
      </c>
      <c r="C173" s="82" t="s">
        <v>475</v>
      </c>
      <c r="D173" s="49"/>
      <c r="E173" s="163"/>
      <c r="F173" s="164"/>
    </row>
    <row r="174" spans="2:6" s="4" customFormat="1" ht="30" customHeight="1" x14ac:dyDescent="0.25">
      <c r="B174" s="83" t="s">
        <v>476</v>
      </c>
      <c r="C174" s="82" t="s">
        <v>477</v>
      </c>
      <c r="D174" s="49"/>
      <c r="E174" s="163"/>
      <c r="F174" s="164"/>
    </row>
    <row r="175" spans="2:6" s="4" customFormat="1" ht="30" customHeight="1" x14ac:dyDescent="0.25">
      <c r="B175" s="86" t="s">
        <v>65</v>
      </c>
      <c r="C175" s="81" t="s">
        <v>478</v>
      </c>
      <c r="D175" s="49" t="s">
        <v>571</v>
      </c>
      <c r="E175" s="163" t="s">
        <v>571</v>
      </c>
      <c r="F175" s="164"/>
    </row>
    <row r="176" spans="2:6" s="4" customFormat="1" ht="83.25" customHeight="1" x14ac:dyDescent="0.25">
      <c r="B176" s="84" t="s">
        <v>479</v>
      </c>
      <c r="C176" s="82" t="s">
        <v>480</v>
      </c>
      <c r="D176" s="49"/>
      <c r="E176" s="163"/>
      <c r="F176" s="164"/>
    </row>
    <row r="177" spans="2:6" s="4" customFormat="1" ht="30" customHeight="1" x14ac:dyDescent="0.25">
      <c r="B177" s="84" t="s">
        <v>481</v>
      </c>
      <c r="C177" s="82" t="s">
        <v>482</v>
      </c>
      <c r="D177" s="49"/>
      <c r="E177" s="163"/>
      <c r="F177" s="164"/>
    </row>
    <row r="178" spans="2:6" s="4" customFormat="1" ht="30" customHeight="1" x14ac:dyDescent="0.25">
      <c r="B178" s="84" t="s">
        <v>483</v>
      </c>
      <c r="C178" s="82" t="s">
        <v>484</v>
      </c>
      <c r="D178" s="49"/>
      <c r="E178" s="163"/>
      <c r="F178" s="164"/>
    </row>
    <row r="179" spans="2:6" s="4" customFormat="1" ht="30" customHeight="1" x14ac:dyDescent="0.25">
      <c r="B179" s="84" t="s">
        <v>485</v>
      </c>
      <c r="C179" s="82" t="s">
        <v>486</v>
      </c>
      <c r="D179" s="49"/>
      <c r="E179" s="163"/>
      <c r="F179" s="164"/>
    </row>
    <row r="180" spans="2:6" s="4" customFormat="1" ht="54" customHeight="1" x14ac:dyDescent="0.25">
      <c r="B180" s="84" t="s">
        <v>487</v>
      </c>
      <c r="C180" s="82" t="s">
        <v>488</v>
      </c>
      <c r="D180" s="49"/>
      <c r="E180" s="163"/>
      <c r="F180" s="164"/>
    </row>
    <row r="181" spans="2:6" s="4" customFormat="1" ht="30" customHeight="1" x14ac:dyDescent="0.25">
      <c r="B181" s="84" t="s">
        <v>489</v>
      </c>
      <c r="C181" s="82" t="s">
        <v>490</v>
      </c>
      <c r="D181" s="49"/>
      <c r="E181" s="163"/>
      <c r="F181" s="164"/>
    </row>
    <row r="182" spans="2:6" s="4" customFormat="1" ht="30" customHeight="1" x14ac:dyDescent="0.25">
      <c r="B182" s="84" t="s">
        <v>491</v>
      </c>
      <c r="C182" s="82" t="s">
        <v>492</v>
      </c>
      <c r="D182" s="49"/>
      <c r="E182" s="163"/>
      <c r="F182" s="164"/>
    </row>
    <row r="183" spans="2:6" s="4" customFormat="1" ht="30" customHeight="1" x14ac:dyDescent="0.25">
      <c r="B183" s="84" t="s">
        <v>493</v>
      </c>
      <c r="C183" s="82" t="s">
        <v>494</v>
      </c>
      <c r="D183" s="49"/>
      <c r="E183" s="163"/>
      <c r="F183" s="164"/>
    </row>
    <row r="184" spans="2:6" s="4" customFormat="1" ht="30" customHeight="1" x14ac:dyDescent="0.25">
      <c r="B184" s="84" t="s">
        <v>495</v>
      </c>
      <c r="C184" s="82" t="s">
        <v>496</v>
      </c>
      <c r="D184" s="49"/>
      <c r="E184" s="163"/>
      <c r="F184" s="164"/>
    </row>
    <row r="185" spans="2:6" s="4" customFormat="1" ht="30" customHeight="1" x14ac:dyDescent="0.25">
      <c r="B185" s="84" t="s">
        <v>497</v>
      </c>
      <c r="C185" s="82" t="s">
        <v>498</v>
      </c>
      <c r="D185" s="49"/>
      <c r="E185" s="163"/>
      <c r="F185" s="164"/>
    </row>
    <row r="186" spans="2:6" s="4" customFormat="1" ht="30" customHeight="1" x14ac:dyDescent="0.25">
      <c r="B186" s="84" t="s">
        <v>499</v>
      </c>
      <c r="C186" s="82" t="s">
        <v>500</v>
      </c>
      <c r="D186" s="49"/>
      <c r="E186" s="163"/>
      <c r="F186" s="164"/>
    </row>
    <row r="187" spans="2:6" s="4" customFormat="1" ht="30" customHeight="1" x14ac:dyDescent="0.25">
      <c r="B187" s="84" t="s">
        <v>501</v>
      </c>
      <c r="C187" s="82" t="s">
        <v>502</v>
      </c>
      <c r="D187" s="49"/>
      <c r="E187" s="163"/>
      <c r="F187" s="164"/>
    </row>
    <row r="188" spans="2:6" s="4" customFormat="1" ht="30" customHeight="1" x14ac:dyDescent="0.25">
      <c r="B188" s="84" t="s">
        <v>503</v>
      </c>
      <c r="C188" s="82" t="s">
        <v>504</v>
      </c>
      <c r="D188" s="49"/>
      <c r="E188" s="163"/>
      <c r="F188" s="164"/>
    </row>
    <row r="189" spans="2:6" s="4" customFormat="1" ht="30" customHeight="1" x14ac:dyDescent="0.25">
      <c r="B189" s="84" t="s">
        <v>505</v>
      </c>
      <c r="C189" s="82" t="s">
        <v>506</v>
      </c>
      <c r="D189" s="49"/>
      <c r="E189" s="163"/>
      <c r="F189" s="164"/>
    </row>
    <row r="190" spans="2:6" s="4" customFormat="1" ht="30" customHeight="1" x14ac:dyDescent="0.25">
      <c r="B190" s="84" t="s">
        <v>507</v>
      </c>
      <c r="C190" s="82" t="s">
        <v>508</v>
      </c>
      <c r="D190" s="49"/>
      <c r="E190" s="163"/>
      <c r="F190" s="164"/>
    </row>
    <row r="191" spans="2:6" s="4" customFormat="1" ht="30" customHeight="1" x14ac:dyDescent="0.25">
      <c r="B191" s="84" t="s">
        <v>509</v>
      </c>
      <c r="C191" s="82" t="s">
        <v>510</v>
      </c>
      <c r="D191" s="49"/>
      <c r="E191" s="163"/>
      <c r="F191" s="164"/>
    </row>
    <row r="192" spans="2:6" s="4" customFormat="1" ht="30" customHeight="1" x14ac:dyDescent="0.25">
      <c r="B192" s="84" t="s">
        <v>511</v>
      </c>
      <c r="C192" s="82" t="s">
        <v>512</v>
      </c>
      <c r="D192" s="49"/>
      <c r="E192" s="163"/>
      <c r="F192" s="164"/>
    </row>
    <row r="193" spans="2:6" s="4" customFormat="1" ht="30" customHeight="1" x14ac:dyDescent="0.25">
      <c r="B193" s="84" t="s">
        <v>513</v>
      </c>
      <c r="C193" s="82" t="s">
        <v>514</v>
      </c>
      <c r="D193" s="49"/>
      <c r="E193" s="163"/>
      <c r="F193" s="164"/>
    </row>
    <row r="194" spans="2:6" s="4" customFormat="1" ht="30" customHeight="1" x14ac:dyDescent="0.25">
      <c r="B194" s="84" t="s">
        <v>515</v>
      </c>
      <c r="C194" s="82" t="s">
        <v>516</v>
      </c>
      <c r="D194" s="49"/>
      <c r="E194" s="163"/>
      <c r="F194" s="164"/>
    </row>
    <row r="195" spans="2:6" s="4" customFormat="1" ht="30" customHeight="1" x14ac:dyDescent="0.25">
      <c r="B195" s="84" t="s">
        <v>517</v>
      </c>
      <c r="C195" s="82" t="s">
        <v>518</v>
      </c>
      <c r="D195" s="49"/>
      <c r="E195" s="163"/>
      <c r="F195" s="164"/>
    </row>
    <row r="196" spans="2:6" s="4" customFormat="1" ht="30" customHeight="1" x14ac:dyDescent="0.25">
      <c r="B196" s="84" t="s">
        <v>519</v>
      </c>
      <c r="C196" s="82" t="s">
        <v>520</v>
      </c>
      <c r="D196" s="49"/>
      <c r="E196" s="163"/>
      <c r="F196" s="164"/>
    </row>
    <row r="197" spans="2:6" s="4" customFormat="1" ht="30" customHeight="1" x14ac:dyDescent="0.25">
      <c r="B197" s="84" t="s">
        <v>521</v>
      </c>
      <c r="C197" s="82" t="s">
        <v>522</v>
      </c>
      <c r="D197" s="49"/>
      <c r="E197" s="163"/>
      <c r="F197" s="164"/>
    </row>
    <row r="198" spans="2:6" s="4" customFormat="1" ht="30" customHeight="1" x14ac:dyDescent="0.25">
      <c r="B198" s="84" t="s">
        <v>523</v>
      </c>
      <c r="C198" s="82" t="s">
        <v>524</v>
      </c>
      <c r="D198" s="49"/>
      <c r="E198" s="163"/>
      <c r="F198" s="164"/>
    </row>
    <row r="199" spans="2:6" s="4" customFormat="1" ht="30" customHeight="1" x14ac:dyDescent="0.25">
      <c r="B199" s="86" t="s">
        <v>69</v>
      </c>
      <c r="C199" s="81" t="s">
        <v>525</v>
      </c>
      <c r="D199" s="49" t="s">
        <v>571</v>
      </c>
      <c r="E199" s="163" t="s">
        <v>571</v>
      </c>
      <c r="F199" s="164"/>
    </row>
    <row r="200" spans="2:6" s="4" customFormat="1" ht="30" customHeight="1" x14ac:dyDescent="0.25">
      <c r="B200" s="84" t="s">
        <v>526</v>
      </c>
      <c r="C200" s="82" t="s">
        <v>527</v>
      </c>
      <c r="D200" s="49"/>
      <c r="E200" s="163"/>
      <c r="F200" s="164"/>
    </row>
    <row r="201" spans="2:6" s="4" customFormat="1" ht="30" customHeight="1" x14ac:dyDescent="0.25">
      <c r="B201" s="84" t="s">
        <v>528</v>
      </c>
      <c r="C201" s="82" t="s">
        <v>529</v>
      </c>
      <c r="D201" s="49"/>
      <c r="E201" s="163"/>
      <c r="F201" s="164"/>
    </row>
    <row r="202" spans="2:6" s="4" customFormat="1" ht="51.75" customHeight="1" x14ac:dyDescent="0.25">
      <c r="B202" s="84" t="s">
        <v>530</v>
      </c>
      <c r="C202" s="82" t="s">
        <v>531</v>
      </c>
      <c r="D202" s="49"/>
      <c r="E202" s="163"/>
      <c r="F202" s="164"/>
    </row>
    <row r="203" spans="2:6" s="4" customFormat="1" ht="48.75" customHeight="1" x14ac:dyDescent="0.25">
      <c r="B203" s="84" t="s">
        <v>532</v>
      </c>
      <c r="C203" s="82" t="s">
        <v>533</v>
      </c>
      <c r="D203" s="49"/>
      <c r="E203" s="163"/>
      <c r="F203" s="164"/>
    </row>
    <row r="204" spans="2:6" s="4" customFormat="1" ht="30" customHeight="1" x14ac:dyDescent="0.25">
      <c r="B204" s="84" t="s">
        <v>534</v>
      </c>
      <c r="C204" s="82" t="s">
        <v>535</v>
      </c>
      <c r="D204" s="49"/>
      <c r="E204" s="163"/>
      <c r="F204" s="164"/>
    </row>
    <row r="205" spans="2:6" s="4" customFormat="1" ht="30" customHeight="1" x14ac:dyDescent="0.25">
      <c r="B205" s="84" t="s">
        <v>536</v>
      </c>
      <c r="C205" s="82" t="s">
        <v>585</v>
      </c>
      <c r="D205" s="49"/>
      <c r="E205" s="163"/>
      <c r="F205" s="164"/>
    </row>
    <row r="206" spans="2:6" s="4" customFormat="1" ht="30" customHeight="1" x14ac:dyDescent="0.25">
      <c r="B206" s="84" t="s">
        <v>537</v>
      </c>
      <c r="C206" s="82" t="s">
        <v>538</v>
      </c>
      <c r="D206" s="49"/>
      <c r="E206" s="163"/>
      <c r="F206" s="164"/>
    </row>
    <row r="207" spans="2:6" s="4" customFormat="1" ht="30" customHeight="1" x14ac:dyDescent="0.25">
      <c r="B207" s="84" t="s">
        <v>539</v>
      </c>
      <c r="C207" s="82" t="s">
        <v>586</v>
      </c>
      <c r="D207" s="49"/>
      <c r="E207" s="163"/>
      <c r="F207" s="164"/>
    </row>
    <row r="208" spans="2:6" s="4" customFormat="1" ht="30" customHeight="1" x14ac:dyDescent="0.25">
      <c r="B208" s="86" t="s">
        <v>78</v>
      </c>
      <c r="C208" s="81" t="s">
        <v>540</v>
      </c>
      <c r="D208" s="49" t="s">
        <v>571</v>
      </c>
      <c r="E208" s="163" t="s">
        <v>571</v>
      </c>
      <c r="F208" s="164"/>
    </row>
    <row r="209" spans="2:6" s="4" customFormat="1" ht="57.75" customHeight="1" x14ac:dyDescent="0.25">
      <c r="B209" s="84" t="s">
        <v>541</v>
      </c>
      <c r="C209" s="82" t="s">
        <v>542</v>
      </c>
      <c r="D209" s="49"/>
      <c r="E209" s="163"/>
      <c r="F209" s="164"/>
    </row>
    <row r="210" spans="2:6" s="4" customFormat="1" ht="30" customHeight="1" x14ac:dyDescent="0.25">
      <c r="B210" s="84" t="s">
        <v>543</v>
      </c>
      <c r="C210" s="82" t="s">
        <v>544</v>
      </c>
      <c r="D210" s="49"/>
      <c r="E210" s="163"/>
      <c r="F210" s="164"/>
    </row>
    <row r="211" spans="2:6" s="4" customFormat="1" ht="30" customHeight="1" x14ac:dyDescent="0.25">
      <c r="B211" s="86" t="s">
        <v>79</v>
      </c>
      <c r="C211" s="81" t="s">
        <v>545</v>
      </c>
      <c r="D211" s="49" t="s">
        <v>571</v>
      </c>
      <c r="E211" s="163" t="s">
        <v>571</v>
      </c>
      <c r="F211" s="164"/>
    </row>
    <row r="212" spans="2:6" s="4" customFormat="1" ht="47.25" customHeight="1" x14ac:dyDescent="0.25">
      <c r="B212" s="84" t="s">
        <v>546</v>
      </c>
      <c r="C212" s="82" t="s">
        <v>547</v>
      </c>
      <c r="D212" s="49"/>
      <c r="E212" s="163"/>
      <c r="F212" s="164"/>
    </row>
    <row r="213" spans="2:6" s="4" customFormat="1" ht="30" customHeight="1" x14ac:dyDescent="0.25">
      <c r="B213" s="86" t="s">
        <v>80</v>
      </c>
      <c r="C213" s="81" t="s">
        <v>548</v>
      </c>
      <c r="D213" s="49" t="s">
        <v>571</v>
      </c>
      <c r="E213" s="163" t="s">
        <v>571</v>
      </c>
      <c r="F213" s="164"/>
    </row>
    <row r="214" spans="2:6" s="4" customFormat="1" ht="30" customHeight="1" x14ac:dyDescent="0.25">
      <c r="B214" s="84" t="s">
        <v>549</v>
      </c>
      <c r="C214" s="82" t="s">
        <v>550</v>
      </c>
      <c r="D214" s="49"/>
      <c r="E214" s="163"/>
      <c r="F214" s="164"/>
    </row>
    <row r="215" spans="2:6" s="4" customFormat="1" ht="30" customHeight="1" x14ac:dyDescent="0.25">
      <c r="B215" s="84" t="s">
        <v>551</v>
      </c>
      <c r="C215" s="82" t="s">
        <v>552</v>
      </c>
      <c r="D215" s="49"/>
      <c r="E215" s="163"/>
      <c r="F215" s="164"/>
    </row>
    <row r="216" spans="2:6" s="4" customFormat="1" ht="30" customHeight="1" x14ac:dyDescent="0.25">
      <c r="B216" s="84" t="s">
        <v>553</v>
      </c>
      <c r="C216" s="82" t="s">
        <v>554</v>
      </c>
      <c r="D216" s="49"/>
      <c r="E216" s="163"/>
      <c r="F216" s="164"/>
    </row>
    <row r="217" spans="2:6" s="4" customFormat="1" ht="30" customHeight="1" x14ac:dyDescent="0.25">
      <c r="B217" s="84" t="s">
        <v>555</v>
      </c>
      <c r="C217" s="82" t="s">
        <v>556</v>
      </c>
      <c r="D217" s="49"/>
      <c r="E217" s="163"/>
      <c r="F217" s="164"/>
    </row>
    <row r="218" spans="2:6" s="4" customFormat="1" ht="30" customHeight="1" x14ac:dyDescent="0.25">
      <c r="B218" s="84" t="s">
        <v>557</v>
      </c>
      <c r="C218" s="82" t="s">
        <v>558</v>
      </c>
      <c r="D218" s="49"/>
      <c r="E218" s="163"/>
      <c r="F218" s="164"/>
    </row>
    <row r="219" spans="2:6" s="4" customFormat="1" ht="30" customHeight="1" x14ac:dyDescent="0.25">
      <c r="B219" s="86" t="s">
        <v>81</v>
      </c>
      <c r="C219" s="81" t="s">
        <v>559</v>
      </c>
      <c r="D219" s="49"/>
      <c r="E219" s="163"/>
      <c r="F219" s="164"/>
    </row>
    <row r="220" spans="2:6" s="4" customFormat="1" ht="30" customHeight="1" x14ac:dyDescent="0.25">
      <c r="B220" s="84" t="s">
        <v>560</v>
      </c>
      <c r="C220" s="82" t="s">
        <v>561</v>
      </c>
      <c r="D220" s="49"/>
      <c r="E220" s="163"/>
      <c r="F220" s="164"/>
    </row>
    <row r="221" spans="2:6" s="4" customFormat="1" ht="30" customHeight="1" x14ac:dyDescent="0.25">
      <c r="B221" s="84" t="s">
        <v>562</v>
      </c>
      <c r="C221" s="82" t="s">
        <v>563</v>
      </c>
      <c r="D221" s="49"/>
      <c r="E221" s="163"/>
      <c r="F221" s="164"/>
    </row>
    <row r="222" spans="2:6" s="4" customFormat="1" ht="30" customHeight="1" x14ac:dyDescent="0.25">
      <c r="B222" s="84" t="s">
        <v>564</v>
      </c>
      <c r="C222" s="82" t="s">
        <v>565</v>
      </c>
      <c r="D222" s="49"/>
      <c r="E222" s="163"/>
      <c r="F222" s="164"/>
    </row>
    <row r="223" spans="2:6" s="4" customFormat="1" ht="30" customHeight="1" x14ac:dyDescent="0.25">
      <c r="B223" s="84" t="s">
        <v>566</v>
      </c>
      <c r="C223" s="82" t="s">
        <v>567</v>
      </c>
      <c r="D223" s="49"/>
      <c r="E223" s="163"/>
      <c r="F223" s="164"/>
    </row>
    <row r="224" spans="2:6" s="4" customFormat="1" ht="30" customHeight="1" x14ac:dyDescent="0.25">
      <c r="B224" s="84" t="s">
        <v>568</v>
      </c>
      <c r="C224" s="82" t="s">
        <v>569</v>
      </c>
      <c r="D224" s="49"/>
      <c r="E224" s="163"/>
      <c r="F224" s="164"/>
    </row>
    <row r="225" spans="2:6" s="4" customFormat="1" ht="30" customHeight="1" x14ac:dyDescent="0.25">
      <c r="B225" s="90" t="s">
        <v>82</v>
      </c>
      <c r="C225" s="82" t="s">
        <v>570</v>
      </c>
      <c r="D225" s="49"/>
      <c r="E225" s="163"/>
      <c r="F225" s="164"/>
    </row>
    <row r="226" spans="2:6" s="25" customFormat="1" ht="30.75" customHeight="1" x14ac:dyDescent="0.25">
      <c r="B226" s="139" t="s">
        <v>76</v>
      </c>
      <c r="C226" s="140"/>
      <c r="D226" s="140"/>
      <c r="E226" s="140"/>
      <c r="F226" s="141"/>
    </row>
    <row r="227" spans="2:6" s="65" customFormat="1" ht="30.75" customHeight="1" x14ac:dyDescent="0.25">
      <c r="B227" s="59" t="s">
        <v>16</v>
      </c>
      <c r="C227" s="58" t="s">
        <v>574</v>
      </c>
      <c r="D227" s="64"/>
      <c r="E227" s="132"/>
      <c r="F227" s="133"/>
    </row>
    <row r="228" spans="2:6" s="65" customFormat="1" ht="30.75" customHeight="1" x14ac:dyDescent="0.25">
      <c r="B228" s="59" t="s">
        <v>57</v>
      </c>
      <c r="C228" s="58" t="s">
        <v>575</v>
      </c>
      <c r="D228" s="64"/>
      <c r="E228" s="132"/>
      <c r="F228" s="133"/>
    </row>
    <row r="229" spans="2:6" s="65" customFormat="1" ht="30.75" customHeight="1" x14ac:dyDescent="0.25">
      <c r="B229" s="59" t="s">
        <v>58</v>
      </c>
      <c r="C229" s="58" t="s">
        <v>576</v>
      </c>
      <c r="D229" s="64"/>
      <c r="E229" s="132"/>
      <c r="F229" s="133"/>
    </row>
    <row r="230" spans="2:6" s="65" customFormat="1" ht="30.75" customHeight="1" x14ac:dyDescent="0.25">
      <c r="B230" s="59" t="s">
        <v>59</v>
      </c>
      <c r="C230" s="58" t="s">
        <v>577</v>
      </c>
      <c r="D230" s="64"/>
      <c r="E230" s="132"/>
      <c r="F230" s="133"/>
    </row>
    <row r="231" spans="2:6" s="65" customFormat="1" ht="30.75" customHeight="1" x14ac:dyDescent="0.25">
      <c r="B231" s="59" t="s">
        <v>60</v>
      </c>
      <c r="C231" s="58" t="s">
        <v>578</v>
      </c>
      <c r="D231" s="64"/>
      <c r="E231" s="132"/>
      <c r="F231" s="133"/>
    </row>
    <row r="232" spans="2:6" s="65" customFormat="1" ht="30.75" customHeight="1" x14ac:dyDescent="0.25">
      <c r="B232" s="59" t="s">
        <v>61</v>
      </c>
      <c r="C232" s="58" t="s">
        <v>579</v>
      </c>
      <c r="D232" s="64"/>
      <c r="E232" s="132"/>
      <c r="F232" s="133"/>
    </row>
    <row r="233" spans="2:6" s="65" customFormat="1" ht="30.75" customHeight="1" x14ac:dyDescent="0.25">
      <c r="B233" s="59" t="s">
        <v>68</v>
      </c>
      <c r="C233" s="58" t="s">
        <v>580</v>
      </c>
      <c r="D233" s="64"/>
      <c r="E233" s="132"/>
      <c r="F233" s="133"/>
    </row>
    <row r="234" spans="2:6" s="65" customFormat="1" ht="30.75" customHeight="1" x14ac:dyDescent="0.25">
      <c r="B234" s="59" t="s">
        <v>62</v>
      </c>
      <c r="C234" s="58" t="s">
        <v>581</v>
      </c>
      <c r="D234" s="64"/>
      <c r="E234" s="132"/>
      <c r="F234" s="133"/>
    </row>
    <row r="235" spans="2:6" s="65" customFormat="1" ht="30.75" customHeight="1" x14ac:dyDescent="0.25">
      <c r="B235" s="59" t="s">
        <v>63</v>
      </c>
      <c r="C235" s="58" t="s">
        <v>190</v>
      </c>
      <c r="D235" s="64"/>
      <c r="E235" s="132"/>
      <c r="F235" s="133"/>
    </row>
    <row r="236" spans="2:6" s="65" customFormat="1" ht="30.75" customHeight="1" x14ac:dyDescent="0.25">
      <c r="B236" s="59" t="s">
        <v>64</v>
      </c>
      <c r="C236" s="58" t="s">
        <v>582</v>
      </c>
      <c r="D236" s="64"/>
      <c r="E236" s="132"/>
      <c r="F236" s="133"/>
    </row>
    <row r="237" spans="2:6" s="65" customFormat="1" ht="30.75" customHeight="1" x14ac:dyDescent="0.25">
      <c r="B237" s="59" t="s">
        <v>65</v>
      </c>
      <c r="C237" s="58" t="s">
        <v>573</v>
      </c>
      <c r="D237" s="64"/>
      <c r="E237" s="132"/>
      <c r="F237" s="133"/>
    </row>
    <row r="238" spans="2:6" s="65" customFormat="1" ht="30.75" customHeight="1" x14ac:dyDescent="0.25">
      <c r="B238" s="63" t="s">
        <v>69</v>
      </c>
      <c r="C238" s="78" t="s">
        <v>583</v>
      </c>
      <c r="D238" s="64"/>
      <c r="E238" s="132"/>
      <c r="F238" s="133"/>
    </row>
    <row r="239" spans="2:6" s="65" customFormat="1" ht="30.75" customHeight="1" x14ac:dyDescent="0.25">
      <c r="B239" s="63" t="s">
        <v>78</v>
      </c>
      <c r="C239" s="78" t="s">
        <v>596</v>
      </c>
      <c r="D239" s="64"/>
      <c r="E239" s="132"/>
      <c r="F239" s="133"/>
    </row>
    <row r="240" spans="2:6" s="65" customFormat="1" ht="30.75" customHeight="1" thickBot="1" x14ac:dyDescent="0.3">
      <c r="B240" s="60" t="s">
        <v>79</v>
      </c>
      <c r="C240" s="61" t="s">
        <v>595</v>
      </c>
      <c r="D240" s="66"/>
      <c r="E240" s="159"/>
      <c r="F240" s="160"/>
    </row>
    <row r="241" spans="2:7" s="3" customFormat="1" ht="5.0999999999999996" customHeight="1" x14ac:dyDescent="0.25">
      <c r="B241" s="5"/>
      <c r="C241" s="5"/>
      <c r="D241" s="7"/>
      <c r="E241" s="7"/>
      <c r="F241" s="26"/>
    </row>
    <row r="242" spans="2:7" s="2" customFormat="1" ht="20.100000000000001" customHeight="1" x14ac:dyDescent="0.25">
      <c r="B242" s="105" t="s">
        <v>47</v>
      </c>
      <c r="C242" s="105"/>
      <c r="D242" s="105"/>
      <c r="E242" s="105"/>
      <c r="F242" s="105"/>
    </row>
    <row r="243" spans="2:7" s="2" customFormat="1" ht="5.0999999999999996" customHeight="1" thickBot="1" x14ac:dyDescent="0.3">
      <c r="B243" s="15"/>
      <c r="D243" s="6"/>
      <c r="E243" s="6"/>
      <c r="F243" s="6"/>
    </row>
    <row r="244" spans="2:7" s="3" customFormat="1" ht="69" customHeight="1" x14ac:dyDescent="0.25">
      <c r="B244" s="106" t="s">
        <v>8</v>
      </c>
      <c r="C244" s="107"/>
      <c r="D244" s="110" t="s">
        <v>31</v>
      </c>
      <c r="E244" s="111"/>
      <c r="F244" s="112"/>
    </row>
    <row r="245" spans="2:7" s="3" customFormat="1" ht="30" customHeight="1" thickBot="1" x14ac:dyDescent="0.3">
      <c r="B245" s="108"/>
      <c r="C245" s="109"/>
      <c r="D245" s="24" t="s">
        <v>7</v>
      </c>
      <c r="E245" s="113" t="s">
        <v>32</v>
      </c>
      <c r="F245" s="114"/>
    </row>
    <row r="246" spans="2:7" s="3" customFormat="1" ht="30" customHeight="1" x14ac:dyDescent="0.25">
      <c r="B246" s="165" t="s">
        <v>74</v>
      </c>
      <c r="C246" s="166"/>
      <c r="D246" s="166"/>
      <c r="E246" s="166"/>
      <c r="F246" s="167"/>
    </row>
    <row r="247" spans="2:7" s="2" customFormat="1" ht="30" customHeight="1" x14ac:dyDescent="0.25">
      <c r="B247" s="87" t="s">
        <v>16</v>
      </c>
      <c r="C247" s="88" t="s">
        <v>191</v>
      </c>
      <c r="D247" s="89"/>
      <c r="E247" s="168"/>
      <c r="F247" s="169"/>
    </row>
    <row r="248" spans="2:7" s="2" customFormat="1" ht="21" customHeight="1" x14ac:dyDescent="0.25">
      <c r="B248" s="95" t="s">
        <v>57</v>
      </c>
      <c r="C248" s="73" t="s">
        <v>192</v>
      </c>
      <c r="D248" s="91"/>
      <c r="E248" s="117"/>
      <c r="F248" s="118"/>
    </row>
    <row r="249" spans="2:7" s="2" customFormat="1" ht="86.25" customHeight="1" x14ac:dyDescent="0.25">
      <c r="B249" s="70" t="s">
        <v>87</v>
      </c>
      <c r="C249" s="74" t="s">
        <v>222</v>
      </c>
      <c r="D249" s="92"/>
      <c r="E249" s="119"/>
      <c r="F249" s="120"/>
      <c r="G249" s="28"/>
    </row>
    <row r="250" spans="2:7" s="2" customFormat="1" ht="24.75" customHeight="1" x14ac:dyDescent="0.25">
      <c r="B250" s="70" t="s">
        <v>88</v>
      </c>
      <c r="C250" s="74" t="s">
        <v>136</v>
      </c>
      <c r="D250" s="92"/>
      <c r="E250" s="119"/>
      <c r="F250" s="120"/>
    </row>
    <row r="251" spans="2:7" s="2" customFormat="1" ht="27" customHeight="1" x14ac:dyDescent="0.25">
      <c r="B251" s="70" t="s">
        <v>89</v>
      </c>
      <c r="C251" s="74" t="s">
        <v>193</v>
      </c>
      <c r="D251" s="92"/>
      <c r="E251" s="119"/>
      <c r="F251" s="120"/>
    </row>
    <row r="252" spans="2:7" s="2" customFormat="1" ht="60.75" customHeight="1" x14ac:dyDescent="0.25">
      <c r="B252" s="70" t="s">
        <v>90</v>
      </c>
      <c r="C252" s="74" t="s">
        <v>148</v>
      </c>
      <c r="D252" s="92"/>
      <c r="E252" s="119"/>
      <c r="F252" s="120"/>
    </row>
    <row r="253" spans="2:7" s="2" customFormat="1" ht="45" customHeight="1" x14ac:dyDescent="0.25">
      <c r="B253" s="70" t="s">
        <v>91</v>
      </c>
      <c r="C253" s="74" t="s">
        <v>150</v>
      </c>
      <c r="D253" s="92"/>
      <c r="E253" s="119"/>
      <c r="F253" s="120"/>
    </row>
    <row r="254" spans="2:7" s="2" customFormat="1" ht="131.25" customHeight="1" x14ac:dyDescent="0.25">
      <c r="B254" s="71" t="s">
        <v>92</v>
      </c>
      <c r="C254" s="75" t="s">
        <v>149</v>
      </c>
      <c r="D254" s="94"/>
      <c r="E254" s="121"/>
      <c r="F254" s="122"/>
    </row>
    <row r="255" spans="2:7" s="2" customFormat="1" ht="35.450000000000003" customHeight="1" x14ac:dyDescent="0.25">
      <c r="B255" s="68" t="s">
        <v>58</v>
      </c>
      <c r="C255" s="72" t="s">
        <v>151</v>
      </c>
      <c r="D255" s="49"/>
      <c r="E255" s="115"/>
      <c r="F255" s="116"/>
    </row>
    <row r="256" spans="2:7" s="2" customFormat="1" ht="58.15" customHeight="1" x14ac:dyDescent="0.25">
      <c r="B256" s="68" t="s">
        <v>59</v>
      </c>
      <c r="C256" s="76" t="s">
        <v>188</v>
      </c>
      <c r="D256" s="49"/>
      <c r="E256" s="115"/>
      <c r="F256" s="116"/>
    </row>
    <row r="257" spans="2:6" s="2" customFormat="1" ht="99.6" customHeight="1" x14ac:dyDescent="0.25">
      <c r="B257" s="67" t="s">
        <v>60</v>
      </c>
      <c r="C257" s="72" t="s">
        <v>152</v>
      </c>
      <c r="D257" s="49"/>
      <c r="E257" s="115"/>
      <c r="F257" s="116"/>
    </row>
    <row r="258" spans="2:6" s="2" customFormat="1" ht="75" customHeight="1" x14ac:dyDescent="0.25">
      <c r="B258" s="68" t="s">
        <v>61</v>
      </c>
      <c r="C258" s="72" t="s">
        <v>153</v>
      </c>
      <c r="D258" s="49"/>
      <c r="E258" s="115"/>
      <c r="F258" s="116"/>
    </row>
    <row r="259" spans="2:6" s="2" customFormat="1" ht="88.9" customHeight="1" x14ac:dyDescent="0.25">
      <c r="B259" s="68" t="s">
        <v>68</v>
      </c>
      <c r="C259" s="72" t="s">
        <v>154</v>
      </c>
      <c r="D259" s="49"/>
      <c r="E259" s="115"/>
      <c r="F259" s="116"/>
    </row>
    <row r="260" spans="2:6" s="2" customFormat="1" ht="102.6" customHeight="1" x14ac:dyDescent="0.25">
      <c r="B260" s="67" t="s">
        <v>62</v>
      </c>
      <c r="C260" s="72" t="s">
        <v>194</v>
      </c>
      <c r="D260" s="49"/>
      <c r="E260" s="115"/>
      <c r="F260" s="116"/>
    </row>
    <row r="261" spans="2:6" s="2" customFormat="1" ht="99.6" customHeight="1" x14ac:dyDescent="0.25">
      <c r="B261" s="69" t="s">
        <v>63</v>
      </c>
      <c r="C261" s="96" t="s">
        <v>155</v>
      </c>
      <c r="D261" s="91"/>
      <c r="E261" s="117"/>
      <c r="F261" s="118"/>
    </row>
    <row r="262" spans="2:6" s="2" customFormat="1" ht="34.9" customHeight="1" x14ac:dyDescent="0.25">
      <c r="B262" s="77" t="s">
        <v>93</v>
      </c>
      <c r="C262" s="97" t="s">
        <v>137</v>
      </c>
      <c r="D262" s="92"/>
      <c r="E262" s="119"/>
      <c r="F262" s="120"/>
    </row>
    <row r="263" spans="2:6" s="2" customFormat="1" ht="46.9" customHeight="1" x14ac:dyDescent="0.25">
      <c r="B263" s="77" t="s">
        <v>94</v>
      </c>
      <c r="C263" s="97" t="s">
        <v>156</v>
      </c>
      <c r="D263" s="92"/>
      <c r="E263" s="119"/>
      <c r="F263" s="120"/>
    </row>
    <row r="264" spans="2:6" s="2" customFormat="1" ht="60" customHeight="1" x14ac:dyDescent="0.25">
      <c r="B264" s="77" t="s">
        <v>95</v>
      </c>
      <c r="C264" s="97" t="s">
        <v>157</v>
      </c>
      <c r="D264" s="92"/>
      <c r="E264" s="119"/>
      <c r="F264" s="120"/>
    </row>
    <row r="265" spans="2:6" s="2" customFormat="1" ht="48" customHeight="1" x14ac:dyDescent="0.25">
      <c r="B265" s="77" t="s">
        <v>96</v>
      </c>
      <c r="C265" s="97" t="s">
        <v>138</v>
      </c>
      <c r="D265" s="92"/>
      <c r="E265" s="119"/>
      <c r="F265" s="120"/>
    </row>
    <row r="266" spans="2:6" s="2" customFormat="1" ht="32.450000000000003" customHeight="1" x14ac:dyDescent="0.25">
      <c r="B266" s="77" t="s">
        <v>97</v>
      </c>
      <c r="C266" s="97" t="s">
        <v>158</v>
      </c>
      <c r="D266" s="92"/>
      <c r="E266" s="119"/>
      <c r="F266" s="120"/>
    </row>
    <row r="267" spans="2:6" s="2" customFormat="1" ht="71.45" customHeight="1" x14ac:dyDescent="0.25">
      <c r="B267" s="77" t="s">
        <v>98</v>
      </c>
      <c r="C267" s="97" t="s">
        <v>159</v>
      </c>
      <c r="D267" s="92"/>
      <c r="E267" s="119"/>
      <c r="F267" s="120"/>
    </row>
    <row r="268" spans="2:6" s="2" customFormat="1" ht="35.450000000000003" customHeight="1" x14ac:dyDescent="0.25">
      <c r="B268" s="77" t="s">
        <v>99</v>
      </c>
      <c r="C268" s="97" t="s">
        <v>139</v>
      </c>
      <c r="D268" s="92"/>
      <c r="E268" s="119"/>
      <c r="F268" s="120"/>
    </row>
    <row r="269" spans="2:6" s="2" customFormat="1" ht="37.9" customHeight="1" x14ac:dyDescent="0.25">
      <c r="B269" s="77" t="s">
        <v>100</v>
      </c>
      <c r="C269" s="97" t="s">
        <v>160</v>
      </c>
      <c r="D269" s="92"/>
      <c r="E269" s="119"/>
      <c r="F269" s="120"/>
    </row>
    <row r="270" spans="2:6" s="2" customFormat="1" ht="43.9" customHeight="1" x14ac:dyDescent="0.25">
      <c r="B270" s="77" t="s">
        <v>101</v>
      </c>
      <c r="C270" s="97" t="s">
        <v>140</v>
      </c>
      <c r="D270" s="92"/>
      <c r="E270" s="119"/>
      <c r="F270" s="120"/>
    </row>
    <row r="271" spans="2:6" s="2" customFormat="1" ht="64.150000000000006" customHeight="1" x14ac:dyDescent="0.25">
      <c r="B271" s="93" t="s">
        <v>102</v>
      </c>
      <c r="C271" s="98" t="s">
        <v>161</v>
      </c>
      <c r="D271" s="94"/>
      <c r="E271" s="121"/>
      <c r="F271" s="122"/>
    </row>
    <row r="272" spans="2:6" s="2" customFormat="1" ht="61.5" customHeight="1" x14ac:dyDescent="0.25">
      <c r="B272" s="95" t="s">
        <v>64</v>
      </c>
      <c r="C272" s="73" t="s">
        <v>195</v>
      </c>
      <c r="D272" s="91"/>
      <c r="E272" s="117"/>
      <c r="F272" s="118"/>
    </row>
    <row r="273" spans="2:6" s="2" customFormat="1" ht="87" customHeight="1" x14ac:dyDescent="0.25">
      <c r="B273" s="71" t="s">
        <v>103</v>
      </c>
      <c r="C273" s="75" t="s">
        <v>196</v>
      </c>
      <c r="D273" s="94"/>
      <c r="E273" s="121"/>
      <c r="F273" s="122"/>
    </row>
    <row r="274" spans="2:6" s="2" customFormat="1" ht="36.6" customHeight="1" x14ac:dyDescent="0.25">
      <c r="B274" s="69" t="s">
        <v>65</v>
      </c>
      <c r="C274" s="73" t="s">
        <v>141</v>
      </c>
      <c r="D274" s="91"/>
      <c r="E274" s="117"/>
      <c r="F274" s="118"/>
    </row>
    <row r="275" spans="2:6" s="2" customFormat="1" ht="36" customHeight="1" x14ac:dyDescent="0.25">
      <c r="B275" s="77" t="s">
        <v>104</v>
      </c>
      <c r="C275" s="74" t="s">
        <v>197</v>
      </c>
      <c r="D275" s="92"/>
      <c r="E275" s="119"/>
      <c r="F275" s="120"/>
    </row>
    <row r="276" spans="2:6" s="2" customFormat="1" ht="30.75" customHeight="1" x14ac:dyDescent="0.25">
      <c r="B276" s="93" t="s">
        <v>105</v>
      </c>
      <c r="C276" s="75" t="s">
        <v>198</v>
      </c>
      <c r="D276" s="94"/>
      <c r="E276" s="121"/>
      <c r="F276" s="122"/>
    </row>
    <row r="277" spans="2:6" s="2" customFormat="1" ht="76.150000000000006" customHeight="1" x14ac:dyDescent="0.25">
      <c r="B277" s="69" t="s">
        <v>69</v>
      </c>
      <c r="C277" s="73" t="s">
        <v>162</v>
      </c>
      <c r="D277" s="91"/>
      <c r="E277" s="117"/>
      <c r="F277" s="118"/>
    </row>
    <row r="278" spans="2:6" s="2" customFormat="1" ht="57.6" customHeight="1" x14ac:dyDescent="0.25">
      <c r="B278" s="77" t="s">
        <v>106</v>
      </c>
      <c r="C278" s="74" t="s">
        <v>199</v>
      </c>
      <c r="D278" s="92"/>
      <c r="E278" s="119"/>
      <c r="F278" s="120"/>
    </row>
    <row r="279" spans="2:6" s="2" customFormat="1" ht="43.15" customHeight="1" x14ac:dyDescent="0.25">
      <c r="B279" s="93" t="s">
        <v>107</v>
      </c>
      <c r="C279" s="75" t="s">
        <v>200</v>
      </c>
      <c r="D279" s="94"/>
      <c r="E279" s="121"/>
      <c r="F279" s="122"/>
    </row>
    <row r="280" spans="2:6" s="2" customFormat="1" ht="123" customHeight="1" x14ac:dyDescent="0.25">
      <c r="B280" s="67" t="s">
        <v>78</v>
      </c>
      <c r="C280" s="72" t="s">
        <v>201</v>
      </c>
      <c r="D280" s="49"/>
      <c r="E280" s="115"/>
      <c r="F280" s="116"/>
    </row>
    <row r="281" spans="2:6" s="2" customFormat="1" ht="110.45" customHeight="1" x14ac:dyDescent="0.25">
      <c r="B281" s="67" t="s">
        <v>79</v>
      </c>
      <c r="C281" s="72" t="s">
        <v>163</v>
      </c>
      <c r="D281" s="49"/>
      <c r="E281" s="115"/>
      <c r="F281" s="116"/>
    </row>
    <row r="282" spans="2:6" s="2" customFormat="1" ht="47.45" customHeight="1" x14ac:dyDescent="0.25">
      <c r="B282" s="67" t="s">
        <v>80</v>
      </c>
      <c r="C282" s="72" t="s">
        <v>164</v>
      </c>
      <c r="D282" s="49"/>
      <c r="E282" s="115"/>
      <c r="F282" s="116"/>
    </row>
    <row r="283" spans="2:6" s="2" customFormat="1" ht="73.900000000000006" customHeight="1" x14ac:dyDescent="0.25">
      <c r="B283" s="67" t="s">
        <v>81</v>
      </c>
      <c r="C283" s="72" t="s">
        <v>165</v>
      </c>
      <c r="D283" s="49"/>
      <c r="E283" s="115"/>
      <c r="F283" s="116"/>
    </row>
    <row r="284" spans="2:6" s="2" customFormat="1" ht="49.15" customHeight="1" x14ac:dyDescent="0.25">
      <c r="B284" s="67" t="s">
        <v>82</v>
      </c>
      <c r="C284" s="72" t="s">
        <v>221</v>
      </c>
      <c r="D284" s="49"/>
      <c r="E284" s="115"/>
      <c r="F284" s="116"/>
    </row>
    <row r="285" spans="2:6" s="2" customFormat="1" ht="66" customHeight="1" x14ac:dyDescent="0.25">
      <c r="B285" s="67" t="s">
        <v>83</v>
      </c>
      <c r="C285" s="72" t="s">
        <v>166</v>
      </c>
      <c r="D285" s="49"/>
      <c r="E285" s="115"/>
      <c r="F285" s="116"/>
    </row>
    <row r="286" spans="2:6" s="2" customFormat="1" ht="33.6" customHeight="1" x14ac:dyDescent="0.25">
      <c r="B286" s="67" t="s">
        <v>84</v>
      </c>
      <c r="C286" s="72" t="s">
        <v>202</v>
      </c>
      <c r="D286" s="49"/>
      <c r="E286" s="115"/>
      <c r="F286" s="116"/>
    </row>
    <row r="287" spans="2:6" s="2" customFormat="1" ht="31.9" customHeight="1" x14ac:dyDescent="0.25">
      <c r="B287" s="69" t="s">
        <v>85</v>
      </c>
      <c r="C287" s="96" t="s">
        <v>167</v>
      </c>
      <c r="D287" s="91"/>
      <c r="E287" s="117"/>
      <c r="F287" s="118"/>
    </row>
    <row r="288" spans="2:6" s="2" customFormat="1" ht="37.9" customHeight="1" x14ac:dyDescent="0.25">
      <c r="B288" s="77" t="s">
        <v>213</v>
      </c>
      <c r="C288" s="97" t="s">
        <v>203</v>
      </c>
      <c r="D288" s="92"/>
      <c r="E288" s="119"/>
      <c r="F288" s="120"/>
    </row>
    <row r="289" spans="2:6" s="2" customFormat="1" ht="59.25" customHeight="1" x14ac:dyDescent="0.25">
      <c r="B289" s="93" t="s">
        <v>214</v>
      </c>
      <c r="C289" s="98" t="s">
        <v>204</v>
      </c>
      <c r="D289" s="94"/>
      <c r="E289" s="121"/>
      <c r="F289" s="122"/>
    </row>
    <row r="290" spans="2:6" s="2" customFormat="1" ht="62.45" customHeight="1" x14ac:dyDescent="0.25">
      <c r="B290" s="67" t="s">
        <v>86</v>
      </c>
      <c r="C290" s="72" t="s">
        <v>168</v>
      </c>
      <c r="D290" s="49"/>
      <c r="E290" s="115"/>
      <c r="F290" s="116"/>
    </row>
    <row r="291" spans="2:6" s="2" customFormat="1" ht="33" customHeight="1" x14ac:dyDescent="0.25">
      <c r="B291" s="67" t="s">
        <v>108</v>
      </c>
      <c r="C291" s="72" t="s">
        <v>142</v>
      </c>
      <c r="D291" s="49"/>
      <c r="E291" s="115"/>
      <c r="F291" s="116"/>
    </row>
    <row r="292" spans="2:6" s="2" customFormat="1" ht="37.9" customHeight="1" x14ac:dyDescent="0.25">
      <c r="B292" s="67" t="s">
        <v>109</v>
      </c>
      <c r="C292" s="72" t="s">
        <v>169</v>
      </c>
      <c r="D292" s="49"/>
      <c r="E292" s="115"/>
      <c r="F292" s="116"/>
    </row>
    <row r="293" spans="2:6" s="2" customFormat="1" ht="24" customHeight="1" x14ac:dyDescent="0.25">
      <c r="B293" s="67" t="s">
        <v>110</v>
      </c>
      <c r="C293" s="72" t="s">
        <v>170</v>
      </c>
      <c r="D293" s="49"/>
      <c r="E293" s="115"/>
      <c r="F293" s="116"/>
    </row>
    <row r="294" spans="2:6" s="2" customFormat="1" ht="49.5" customHeight="1" x14ac:dyDescent="0.25">
      <c r="B294" s="67" t="s">
        <v>111</v>
      </c>
      <c r="C294" s="72" t="s">
        <v>171</v>
      </c>
      <c r="D294" s="49"/>
      <c r="E294" s="115"/>
      <c r="F294" s="116"/>
    </row>
    <row r="295" spans="2:6" s="2" customFormat="1" ht="59.45" customHeight="1" x14ac:dyDescent="0.25">
      <c r="B295" s="67" t="s">
        <v>112</v>
      </c>
      <c r="C295" s="72" t="s">
        <v>172</v>
      </c>
      <c r="D295" s="49"/>
      <c r="E295" s="115"/>
      <c r="F295" s="116"/>
    </row>
    <row r="296" spans="2:6" s="2" customFormat="1" ht="85.9" customHeight="1" x14ac:dyDescent="0.25">
      <c r="B296" s="67" t="s">
        <v>113</v>
      </c>
      <c r="C296" s="72" t="s">
        <v>205</v>
      </c>
      <c r="D296" s="49"/>
      <c r="E296" s="115"/>
      <c r="F296" s="116"/>
    </row>
    <row r="297" spans="2:6" s="2" customFormat="1" ht="35.450000000000003" customHeight="1" x14ac:dyDescent="0.25">
      <c r="B297" s="67" t="s">
        <v>114</v>
      </c>
      <c r="C297" s="72" t="s">
        <v>143</v>
      </c>
      <c r="D297" s="49"/>
      <c r="E297" s="115"/>
      <c r="F297" s="116"/>
    </row>
    <row r="298" spans="2:6" s="2" customFormat="1" ht="46.9" customHeight="1" x14ac:dyDescent="0.25">
      <c r="B298" s="67" t="s">
        <v>115</v>
      </c>
      <c r="C298" s="72" t="s">
        <v>144</v>
      </c>
      <c r="D298" s="49"/>
      <c r="E298" s="115"/>
      <c r="F298" s="116"/>
    </row>
    <row r="299" spans="2:6" s="2" customFormat="1" ht="22.9" customHeight="1" x14ac:dyDescent="0.25">
      <c r="B299" s="69" t="s">
        <v>116</v>
      </c>
      <c r="C299" s="96" t="s">
        <v>145</v>
      </c>
      <c r="D299" s="91"/>
      <c r="E299" s="117"/>
      <c r="F299" s="118"/>
    </row>
    <row r="300" spans="2:6" s="2" customFormat="1" ht="30.75" customHeight="1" x14ac:dyDescent="0.25">
      <c r="B300" s="77" t="s">
        <v>215</v>
      </c>
      <c r="C300" s="97" t="s">
        <v>173</v>
      </c>
      <c r="D300" s="92"/>
      <c r="E300" s="119"/>
      <c r="F300" s="120"/>
    </row>
    <row r="301" spans="2:6" s="2" customFormat="1" ht="30.75" customHeight="1" x14ac:dyDescent="0.25">
      <c r="B301" s="77" t="s">
        <v>216</v>
      </c>
      <c r="C301" s="97" t="s">
        <v>174</v>
      </c>
      <c r="D301" s="92"/>
      <c r="E301" s="119"/>
      <c r="F301" s="120"/>
    </row>
    <row r="302" spans="2:6" s="2" customFormat="1" ht="30.75" customHeight="1" x14ac:dyDescent="0.25">
      <c r="B302" s="77" t="s">
        <v>217</v>
      </c>
      <c r="C302" s="97" t="s">
        <v>175</v>
      </c>
      <c r="D302" s="92"/>
      <c r="E302" s="119"/>
      <c r="F302" s="120"/>
    </row>
    <row r="303" spans="2:6" s="2" customFormat="1" ht="34.9" customHeight="1" x14ac:dyDescent="0.25">
      <c r="B303" s="93" t="s">
        <v>218</v>
      </c>
      <c r="C303" s="98" t="s">
        <v>176</v>
      </c>
      <c r="D303" s="94"/>
      <c r="E303" s="121"/>
      <c r="F303" s="122"/>
    </row>
    <row r="304" spans="2:6" s="2" customFormat="1" ht="36.75" customHeight="1" x14ac:dyDescent="0.25">
      <c r="B304" s="67" t="s">
        <v>117</v>
      </c>
      <c r="C304" s="72" t="s">
        <v>177</v>
      </c>
      <c r="D304" s="49"/>
      <c r="E304" s="115"/>
      <c r="F304" s="116"/>
    </row>
    <row r="305" spans="2:6" s="2" customFormat="1" ht="25.15" customHeight="1" x14ac:dyDescent="0.25">
      <c r="B305" s="69" t="s">
        <v>118</v>
      </c>
      <c r="C305" s="96" t="s">
        <v>178</v>
      </c>
      <c r="D305" s="91"/>
      <c r="E305" s="117"/>
      <c r="F305" s="118"/>
    </row>
    <row r="306" spans="2:6" s="2" customFormat="1" ht="73.5" customHeight="1" x14ac:dyDescent="0.25">
      <c r="B306" s="77" t="s">
        <v>219</v>
      </c>
      <c r="C306" s="97" t="s">
        <v>179</v>
      </c>
      <c r="D306" s="92"/>
      <c r="E306" s="119"/>
      <c r="F306" s="120"/>
    </row>
    <row r="307" spans="2:6" s="2" customFormat="1" ht="50.45" customHeight="1" x14ac:dyDescent="0.25">
      <c r="B307" s="93" t="s">
        <v>220</v>
      </c>
      <c r="C307" s="98" t="s">
        <v>180</v>
      </c>
      <c r="D307" s="94"/>
      <c r="E307" s="121"/>
      <c r="F307" s="122"/>
    </row>
    <row r="308" spans="2:6" s="2" customFormat="1" ht="50.45" customHeight="1" x14ac:dyDescent="0.25">
      <c r="B308" s="67" t="s">
        <v>119</v>
      </c>
      <c r="C308" s="72" t="s">
        <v>206</v>
      </c>
      <c r="D308" s="49"/>
      <c r="E308" s="115"/>
      <c r="F308" s="116"/>
    </row>
    <row r="309" spans="2:6" s="2" customFormat="1" ht="48" customHeight="1" x14ac:dyDescent="0.25">
      <c r="B309" s="67" t="s">
        <v>120</v>
      </c>
      <c r="C309" s="72" t="s">
        <v>181</v>
      </c>
      <c r="D309" s="49"/>
      <c r="E309" s="115"/>
      <c r="F309" s="116"/>
    </row>
    <row r="310" spans="2:6" s="2" customFormat="1" ht="61.15" customHeight="1" x14ac:dyDescent="0.25">
      <c r="B310" s="67" t="s">
        <v>121</v>
      </c>
      <c r="C310" s="72" t="s">
        <v>146</v>
      </c>
      <c r="D310" s="49"/>
      <c r="E310" s="115"/>
      <c r="F310" s="116"/>
    </row>
    <row r="311" spans="2:6" s="2" customFormat="1" ht="71.45" customHeight="1" x14ac:dyDescent="0.25">
      <c r="B311" s="67" t="s">
        <v>122</v>
      </c>
      <c r="C311" s="72" t="s">
        <v>182</v>
      </c>
      <c r="D311" s="49"/>
      <c r="E311" s="115"/>
      <c r="F311" s="116"/>
    </row>
    <row r="312" spans="2:6" s="2" customFormat="1" ht="81.75" customHeight="1" x14ac:dyDescent="0.25">
      <c r="B312" s="67" t="s">
        <v>123</v>
      </c>
      <c r="C312" s="72" t="s">
        <v>207</v>
      </c>
      <c r="D312" s="49"/>
      <c r="E312" s="115"/>
      <c r="F312" s="116"/>
    </row>
    <row r="313" spans="2:6" s="2" customFormat="1" ht="34.5" customHeight="1" x14ac:dyDescent="0.25">
      <c r="B313" s="67" t="s">
        <v>124</v>
      </c>
      <c r="C313" s="72" t="s">
        <v>183</v>
      </c>
      <c r="D313" s="49"/>
      <c r="E313" s="115"/>
      <c r="F313" s="116"/>
    </row>
    <row r="314" spans="2:6" s="2" customFormat="1" ht="119.45" customHeight="1" x14ac:dyDescent="0.25">
      <c r="B314" s="67" t="s">
        <v>125</v>
      </c>
      <c r="C314" s="72" t="s">
        <v>208</v>
      </c>
      <c r="D314" s="49"/>
      <c r="E314" s="115"/>
      <c r="F314" s="116"/>
    </row>
    <row r="315" spans="2:6" s="2" customFormat="1" ht="112.9" customHeight="1" x14ac:dyDescent="0.25">
      <c r="B315" s="67" t="s">
        <v>126</v>
      </c>
      <c r="C315" s="72" t="s">
        <v>184</v>
      </c>
      <c r="D315" s="49"/>
      <c r="E315" s="115"/>
      <c r="F315" s="116"/>
    </row>
    <row r="316" spans="2:6" s="2" customFormat="1" ht="61.15" customHeight="1" x14ac:dyDescent="0.25">
      <c r="B316" s="67" t="s">
        <v>127</v>
      </c>
      <c r="C316" s="72" t="s">
        <v>185</v>
      </c>
      <c r="D316" s="49"/>
      <c r="E316" s="115"/>
      <c r="F316" s="116"/>
    </row>
    <row r="317" spans="2:6" s="2" customFormat="1" ht="116.45" customHeight="1" x14ac:dyDescent="0.25">
      <c r="B317" s="67" t="s">
        <v>128</v>
      </c>
      <c r="C317" s="72" t="s">
        <v>186</v>
      </c>
      <c r="D317" s="49"/>
      <c r="E317" s="115"/>
      <c r="F317" s="116"/>
    </row>
    <row r="318" spans="2:6" s="2" customFormat="1" ht="97.5" customHeight="1" x14ac:dyDescent="0.25">
      <c r="B318" s="67" t="s">
        <v>129</v>
      </c>
      <c r="C318" s="72" t="s">
        <v>212</v>
      </c>
      <c r="D318" s="49"/>
      <c r="E318" s="115"/>
      <c r="F318" s="116"/>
    </row>
    <row r="319" spans="2:6" s="2" customFormat="1" ht="84.6" customHeight="1" x14ac:dyDescent="0.25">
      <c r="B319" s="67" t="s">
        <v>130</v>
      </c>
      <c r="C319" s="72" t="s">
        <v>77</v>
      </c>
      <c r="D319" s="49"/>
      <c r="E319" s="115"/>
      <c r="F319" s="116"/>
    </row>
    <row r="320" spans="2:6" s="2" customFormat="1" ht="190.9" customHeight="1" x14ac:dyDescent="0.25">
      <c r="B320" s="67" t="s">
        <v>131</v>
      </c>
      <c r="C320" s="72" t="s">
        <v>211</v>
      </c>
      <c r="D320" s="49"/>
      <c r="E320" s="115"/>
      <c r="F320" s="116"/>
    </row>
    <row r="321" spans="2:7" s="2" customFormat="1" ht="98.45" customHeight="1" x14ac:dyDescent="0.25">
      <c r="B321" s="67" t="s">
        <v>132</v>
      </c>
      <c r="C321" s="72" t="s">
        <v>147</v>
      </c>
      <c r="D321" s="49"/>
      <c r="E321" s="115"/>
      <c r="F321" s="116"/>
    </row>
    <row r="322" spans="2:7" s="2" customFormat="1" ht="126" customHeight="1" x14ac:dyDescent="0.25">
      <c r="B322" s="67" t="s">
        <v>133</v>
      </c>
      <c r="C322" s="72" t="s">
        <v>187</v>
      </c>
      <c r="D322" s="49"/>
      <c r="E322" s="115"/>
      <c r="F322" s="116"/>
    </row>
    <row r="323" spans="2:7" s="2" customFormat="1" ht="60" customHeight="1" x14ac:dyDescent="0.25">
      <c r="B323" s="67" t="s">
        <v>134</v>
      </c>
      <c r="C323" s="2" t="s">
        <v>210</v>
      </c>
      <c r="D323" s="49"/>
      <c r="E323" s="115"/>
      <c r="F323" s="116"/>
    </row>
    <row r="324" spans="2:7" s="2" customFormat="1" ht="44.45" customHeight="1" x14ac:dyDescent="0.25">
      <c r="B324" s="67" t="s">
        <v>135</v>
      </c>
      <c r="C324" s="72" t="s">
        <v>209</v>
      </c>
      <c r="D324" s="49"/>
      <c r="E324" s="115"/>
      <c r="F324" s="116"/>
    </row>
    <row r="325" spans="2:7" s="3" customFormat="1" ht="5.0999999999999996" customHeight="1" x14ac:dyDescent="0.25">
      <c r="B325" s="5"/>
      <c r="C325" s="5"/>
      <c r="D325" s="7"/>
      <c r="E325" s="7"/>
      <c r="F325" s="26"/>
      <c r="G325" s="2"/>
    </row>
    <row r="326" spans="2:7" s="2" customFormat="1" ht="20.100000000000001" customHeight="1" x14ac:dyDescent="0.25">
      <c r="B326" s="105" t="s">
        <v>53</v>
      </c>
      <c r="C326" s="105"/>
      <c r="D326" s="105"/>
      <c r="E326" s="105"/>
      <c r="F326" s="105"/>
    </row>
    <row r="327" spans="2:7" s="2" customFormat="1" ht="4.5" customHeight="1" thickBot="1" x14ac:dyDescent="0.3"/>
    <row r="328" spans="2:7" s="2" customFormat="1" ht="80.25" customHeight="1" x14ac:dyDescent="0.25">
      <c r="B328" s="106" t="s">
        <v>54</v>
      </c>
      <c r="C328" s="107"/>
      <c r="D328" s="110" t="s">
        <v>55</v>
      </c>
      <c r="E328" s="111"/>
      <c r="F328" s="112"/>
    </row>
    <row r="329" spans="2:7" s="3" customFormat="1" ht="29.25" customHeight="1" thickBot="1" x14ac:dyDescent="0.3">
      <c r="B329" s="108"/>
      <c r="C329" s="109"/>
      <c r="D329" s="24" t="s">
        <v>7</v>
      </c>
      <c r="E329" s="113" t="s">
        <v>32</v>
      </c>
      <c r="F329" s="114"/>
      <c r="G329" s="2"/>
    </row>
    <row r="330" spans="2:7" s="3" customFormat="1" ht="27" customHeight="1" x14ac:dyDescent="0.25">
      <c r="B330" s="50" t="s">
        <v>16</v>
      </c>
      <c r="C330" s="101" t="s">
        <v>67</v>
      </c>
      <c r="D330" s="51"/>
      <c r="E330" s="161"/>
      <c r="F330" s="162"/>
      <c r="G330" s="2"/>
    </row>
    <row r="331" spans="2:7" s="3" customFormat="1" ht="27" customHeight="1" x14ac:dyDescent="0.25">
      <c r="B331" s="67" t="s">
        <v>57</v>
      </c>
      <c r="C331" s="80" t="s">
        <v>56</v>
      </c>
      <c r="D331" s="79"/>
      <c r="E331" s="157"/>
      <c r="F331" s="158"/>
      <c r="G331" s="2"/>
    </row>
    <row r="332" spans="2:7" s="3" customFormat="1" ht="27" customHeight="1" x14ac:dyDescent="0.25">
      <c r="B332" s="67" t="s">
        <v>58</v>
      </c>
      <c r="C332" s="80" t="s">
        <v>589</v>
      </c>
      <c r="D332" s="79"/>
      <c r="E332" s="99"/>
      <c r="F332" s="100"/>
      <c r="G332" s="2"/>
    </row>
    <row r="333" spans="2:7" s="3" customFormat="1" ht="27" customHeight="1" x14ac:dyDescent="0.25">
      <c r="B333" s="67" t="s">
        <v>59</v>
      </c>
      <c r="C333" s="102" t="s">
        <v>587</v>
      </c>
      <c r="D333" s="79"/>
      <c r="E333" s="99"/>
      <c r="F333" s="100"/>
      <c r="G333" s="2"/>
    </row>
    <row r="334" spans="2:7" s="3" customFormat="1" ht="27" customHeight="1" x14ac:dyDescent="0.25">
      <c r="B334" s="67" t="s">
        <v>60</v>
      </c>
      <c r="C334" s="102" t="s">
        <v>588</v>
      </c>
      <c r="D334" s="79"/>
      <c r="E334" s="99"/>
      <c r="F334" s="100"/>
      <c r="G334" s="2"/>
    </row>
    <row r="335" spans="2:7" s="3" customFormat="1" ht="27" customHeight="1" x14ac:dyDescent="0.25">
      <c r="B335" s="67" t="s">
        <v>61</v>
      </c>
      <c r="C335" s="80" t="s">
        <v>590</v>
      </c>
      <c r="D335" s="79"/>
      <c r="E335" s="157"/>
      <c r="F335" s="158"/>
      <c r="G335" s="2"/>
    </row>
    <row r="336" spans="2:7" s="3" customFormat="1" ht="27" customHeight="1" thickBot="1" x14ac:dyDescent="0.3">
      <c r="B336" s="52" t="s">
        <v>68</v>
      </c>
      <c r="C336" s="61" t="s">
        <v>572</v>
      </c>
      <c r="D336" s="53"/>
      <c r="E336" s="103"/>
      <c r="F336" s="104"/>
      <c r="G336" s="2"/>
    </row>
    <row r="337" spans="2:7" s="2" customFormat="1" ht="5.0999999999999996" customHeight="1" x14ac:dyDescent="0.25">
      <c r="B337" s="5"/>
      <c r="C337" s="5"/>
      <c r="D337" s="7"/>
      <c r="E337" s="7"/>
      <c r="F337" s="26"/>
    </row>
    <row r="338" spans="2:7" s="2" customFormat="1" ht="20.100000000000001" customHeight="1" x14ac:dyDescent="0.25">
      <c r="B338" s="105" t="s">
        <v>15</v>
      </c>
      <c r="C338" s="105"/>
      <c r="D338" s="105"/>
      <c r="E338" s="105"/>
      <c r="F338" s="105"/>
    </row>
    <row r="339" spans="2:7" s="3" customFormat="1" ht="30" customHeight="1" x14ac:dyDescent="0.25">
      <c r="B339" s="5" t="s">
        <v>17</v>
      </c>
      <c r="C339" s="154" t="s">
        <v>70</v>
      </c>
      <c r="D339" s="154"/>
      <c r="E339" s="154"/>
      <c r="F339" s="154"/>
      <c r="G339" s="2"/>
    </row>
    <row r="340" spans="2:7" s="28" customFormat="1" ht="30" customHeight="1" x14ac:dyDescent="0.25">
      <c r="B340" s="5" t="s">
        <v>33</v>
      </c>
      <c r="C340" s="154" t="s">
        <v>34</v>
      </c>
      <c r="D340" s="154"/>
      <c r="E340" s="154"/>
      <c r="F340" s="154"/>
      <c r="G340" s="2"/>
    </row>
    <row r="341" spans="2:7" s="28" customFormat="1" ht="30" customHeight="1" x14ac:dyDescent="0.25">
      <c r="B341" s="155" t="s">
        <v>35</v>
      </c>
      <c r="C341" s="155"/>
      <c r="D341" s="155"/>
      <c r="E341" s="155"/>
      <c r="F341" s="3"/>
      <c r="G341" s="2"/>
    </row>
    <row r="342" spans="2:7" s="2" customFormat="1" ht="24.95" customHeight="1" x14ac:dyDescent="0.25">
      <c r="B342" s="27" t="s">
        <v>36</v>
      </c>
      <c r="C342" s="152"/>
      <c r="D342" s="152"/>
      <c r="F342" s="28"/>
    </row>
    <row r="343" spans="2:7" s="2" customFormat="1" ht="24.95" customHeight="1" x14ac:dyDescent="0.25">
      <c r="B343" s="27" t="s">
        <v>37</v>
      </c>
      <c r="C343" s="152"/>
      <c r="D343" s="152"/>
      <c r="F343" s="28"/>
    </row>
    <row r="344" spans="2:7" s="2" customFormat="1" ht="24.95" customHeight="1" x14ac:dyDescent="0.25">
      <c r="B344" s="27" t="s">
        <v>38</v>
      </c>
      <c r="C344" s="152"/>
      <c r="D344" s="152"/>
      <c r="F344" s="28"/>
    </row>
    <row r="345" spans="2:7" s="3" customFormat="1" ht="24.95" customHeight="1" x14ac:dyDescent="0.25">
      <c r="B345" s="27" t="s">
        <v>39</v>
      </c>
      <c r="C345" s="152"/>
      <c r="D345" s="152"/>
      <c r="E345" s="2"/>
      <c r="F345" s="29"/>
      <c r="G345" s="2"/>
    </row>
    <row r="346" spans="2:7" s="2" customFormat="1" ht="14.25" customHeight="1" x14ac:dyDescent="0.2">
      <c r="B346" s="11"/>
      <c r="C346" s="12"/>
      <c r="D346" s="12"/>
      <c r="F346" s="30"/>
    </row>
    <row r="347" spans="2:7" s="3" customFormat="1" ht="15" customHeight="1" x14ac:dyDescent="0.25">
      <c r="B347" s="156" t="s">
        <v>40</v>
      </c>
      <c r="C347" s="156"/>
      <c r="D347" s="156"/>
      <c r="E347" s="156"/>
      <c r="F347" s="156"/>
    </row>
    <row r="348" spans="2:7" s="2" customFormat="1" ht="36.75" customHeight="1" x14ac:dyDescent="0.25">
      <c r="B348" s="153" t="s">
        <v>50</v>
      </c>
      <c r="C348" s="153"/>
      <c r="D348" s="153"/>
      <c r="E348" s="153"/>
      <c r="F348" s="153"/>
    </row>
    <row r="349" spans="2:7" s="2" customFormat="1" ht="20.100000000000001" customHeight="1" x14ac:dyDescent="0.2">
      <c r="B349" s="1"/>
      <c r="C349" s="1"/>
      <c r="D349" s="8"/>
      <c r="E349" s="8"/>
    </row>
    <row r="350" spans="2:7" s="3" customFormat="1" ht="4.5" customHeight="1" x14ac:dyDescent="0.2">
      <c r="B350" s="1"/>
      <c r="C350" s="1"/>
      <c r="D350" s="8"/>
      <c r="E350" s="8"/>
      <c r="F350" s="2"/>
    </row>
    <row r="351" spans="2:7" s="3" customFormat="1" ht="20.100000000000001" customHeight="1" x14ac:dyDescent="0.25">
      <c r="B351" s="31" t="s">
        <v>41</v>
      </c>
      <c r="C351" s="32"/>
      <c r="D351" s="33" t="s">
        <v>42</v>
      </c>
      <c r="E351" s="142"/>
      <c r="F351" s="142"/>
    </row>
    <row r="352" spans="2:7" s="3" customFormat="1" ht="20.100000000000001" customHeight="1" x14ac:dyDescent="0.25">
      <c r="B352" s="34"/>
      <c r="C352" s="34"/>
      <c r="D352" s="34"/>
      <c r="E352" s="35"/>
      <c r="F352" s="35"/>
    </row>
    <row r="353" spans="2:6" ht="20.100000000000001" customHeight="1" x14ac:dyDescent="0.2">
      <c r="B353" s="31" t="s">
        <v>43</v>
      </c>
      <c r="C353" s="32"/>
      <c r="D353" s="36" t="s">
        <v>44</v>
      </c>
      <c r="E353" s="143"/>
      <c r="F353" s="143"/>
    </row>
    <row r="354" spans="2:6" s="2" customFormat="1" ht="20.100000000000001" customHeight="1" x14ac:dyDescent="0.2">
      <c r="B354" s="1"/>
      <c r="C354" s="1"/>
      <c r="D354" s="36" t="s">
        <v>45</v>
      </c>
      <c r="E354" s="152"/>
      <c r="F354" s="152"/>
    </row>
    <row r="355" spans="2:6" s="2" customFormat="1" ht="20.100000000000001" customHeight="1" x14ac:dyDescent="0.2">
      <c r="B355" s="1"/>
      <c r="C355" s="1"/>
      <c r="D355" s="37" t="s">
        <v>46</v>
      </c>
      <c r="E355" s="1"/>
    </row>
    <row r="356" spans="2:6" s="2" customFormat="1" ht="37.5" customHeight="1" x14ac:dyDescent="0.25"/>
    <row r="357" spans="2:6" s="2" customFormat="1" ht="24" customHeight="1" x14ac:dyDescent="0.25"/>
    <row r="358" spans="2:6" s="2" customFormat="1" ht="24" customHeight="1" x14ac:dyDescent="0.25"/>
    <row r="359" spans="2:6" s="2" customFormat="1" ht="24" customHeight="1" x14ac:dyDescent="0.25"/>
    <row r="360" spans="2:6" s="2" customFormat="1" ht="20.100000000000001" customHeight="1" x14ac:dyDescent="0.25"/>
    <row r="361" spans="2:6" s="2" customFormat="1" ht="20.100000000000001" customHeight="1" x14ac:dyDescent="0.25"/>
    <row r="362" spans="2:6" s="2" customFormat="1" ht="50.1" customHeight="1" x14ac:dyDescent="0.25"/>
    <row r="363" spans="2:6" s="2" customFormat="1" ht="43.5" customHeight="1" x14ac:dyDescent="0.25"/>
    <row r="364" spans="2:6" ht="24.75" customHeight="1" x14ac:dyDescent="0.2">
      <c r="B364" s="2"/>
      <c r="C364" s="2"/>
      <c r="D364" s="2"/>
      <c r="E364" s="2"/>
    </row>
    <row r="365" spans="2:6" x14ac:dyDescent="0.2">
      <c r="B365" s="2"/>
      <c r="C365" s="2"/>
      <c r="D365" s="2"/>
      <c r="E365" s="2"/>
    </row>
    <row r="366" spans="2:6" ht="20.100000000000001" customHeight="1" x14ac:dyDescent="0.2"/>
    <row r="367" spans="2:6" ht="4.5" customHeight="1" x14ac:dyDescent="0.2"/>
    <row r="368" spans="2:6" ht="20.100000000000001" customHeight="1" x14ac:dyDescent="0.2"/>
    <row r="369" ht="20.100000000000001" customHeight="1" x14ac:dyDescent="0.2"/>
    <row r="370" ht="20.100000000000001" customHeight="1" x14ac:dyDescent="0.2"/>
  </sheetData>
  <mergeCells count="332">
    <mergeCell ref="E220:F220"/>
    <mergeCell ref="E221:F221"/>
    <mergeCell ref="E222:F222"/>
    <mergeCell ref="E223:F223"/>
    <mergeCell ref="E224:F224"/>
    <mergeCell ref="E225:F225"/>
    <mergeCell ref="E206:F206"/>
    <mergeCell ref="E207:F207"/>
    <mergeCell ref="E209:F209"/>
    <mergeCell ref="E210:F210"/>
    <mergeCell ref="E212:F212"/>
    <mergeCell ref="E214:F214"/>
    <mergeCell ref="E215:F215"/>
    <mergeCell ref="E216:F216"/>
    <mergeCell ref="E217:F217"/>
    <mergeCell ref="E208:F208"/>
    <mergeCell ref="E211:F211"/>
    <mergeCell ref="E213:F213"/>
    <mergeCell ref="E200:F200"/>
    <mergeCell ref="E201:F201"/>
    <mergeCell ref="E202:F202"/>
    <mergeCell ref="E203:F203"/>
    <mergeCell ref="E204:F204"/>
    <mergeCell ref="E205:F205"/>
    <mergeCell ref="E199:F199"/>
    <mergeCell ref="E218:F218"/>
    <mergeCell ref="E219:F219"/>
    <mergeCell ref="E190:F190"/>
    <mergeCell ref="E191:F191"/>
    <mergeCell ref="E192:F192"/>
    <mergeCell ref="E193:F193"/>
    <mergeCell ref="E194:F194"/>
    <mergeCell ref="E195:F195"/>
    <mergeCell ref="E196:F196"/>
    <mergeCell ref="E197:F197"/>
    <mergeCell ref="E198:F198"/>
    <mergeCell ref="E181:F181"/>
    <mergeCell ref="E182:F182"/>
    <mergeCell ref="E183:F183"/>
    <mergeCell ref="E184:F184"/>
    <mergeCell ref="E185:F185"/>
    <mergeCell ref="E186:F186"/>
    <mergeCell ref="E187:F187"/>
    <mergeCell ref="E188:F188"/>
    <mergeCell ref="E189:F189"/>
    <mergeCell ref="E172:F172"/>
    <mergeCell ref="E173:F173"/>
    <mergeCell ref="E174:F174"/>
    <mergeCell ref="E176:F176"/>
    <mergeCell ref="E177:F177"/>
    <mergeCell ref="E175:F175"/>
    <mergeCell ref="E178:F178"/>
    <mergeCell ref="E179:F179"/>
    <mergeCell ref="E180:F180"/>
    <mergeCell ref="E163:F163"/>
    <mergeCell ref="E164:F164"/>
    <mergeCell ref="E165:F165"/>
    <mergeCell ref="E166:F166"/>
    <mergeCell ref="E167:F167"/>
    <mergeCell ref="E168:F168"/>
    <mergeCell ref="E169:F169"/>
    <mergeCell ref="E170:F170"/>
    <mergeCell ref="E171:F171"/>
    <mergeCell ref="E154:F154"/>
    <mergeCell ref="E155:F155"/>
    <mergeCell ref="E156:F156"/>
    <mergeCell ref="E158:F158"/>
    <mergeCell ref="E157:F157"/>
    <mergeCell ref="E159:F159"/>
    <mergeCell ref="E160:F160"/>
    <mergeCell ref="E161:F161"/>
    <mergeCell ref="E162:F162"/>
    <mergeCell ref="E145:F145"/>
    <mergeCell ref="E146:F146"/>
    <mergeCell ref="E147:F147"/>
    <mergeCell ref="E148:F148"/>
    <mergeCell ref="E149:F149"/>
    <mergeCell ref="E150:F150"/>
    <mergeCell ref="E151:F151"/>
    <mergeCell ref="E152:F152"/>
    <mergeCell ref="E153:F153"/>
    <mergeCell ref="E136:F136"/>
    <mergeCell ref="E137:F137"/>
    <mergeCell ref="E138:F138"/>
    <mergeCell ref="E139:F139"/>
    <mergeCell ref="E140:F140"/>
    <mergeCell ref="E141:F141"/>
    <mergeCell ref="E142:F142"/>
    <mergeCell ref="E143:F143"/>
    <mergeCell ref="E144:F144"/>
    <mergeCell ref="E127:F127"/>
    <mergeCell ref="E128:F128"/>
    <mergeCell ref="E129:F129"/>
    <mergeCell ref="E130:F130"/>
    <mergeCell ref="E131:F131"/>
    <mergeCell ref="E132:F132"/>
    <mergeCell ref="E133:F133"/>
    <mergeCell ref="E134:F134"/>
    <mergeCell ref="E135:F135"/>
    <mergeCell ref="E118:F118"/>
    <mergeCell ref="E119:F119"/>
    <mergeCell ref="E120:F120"/>
    <mergeCell ref="E121:F121"/>
    <mergeCell ref="E122:F122"/>
    <mergeCell ref="E123:F123"/>
    <mergeCell ref="E124:F124"/>
    <mergeCell ref="E125:F125"/>
    <mergeCell ref="E126:F126"/>
    <mergeCell ref="E109:F109"/>
    <mergeCell ref="E110:F110"/>
    <mergeCell ref="E111:F111"/>
    <mergeCell ref="E112:F112"/>
    <mergeCell ref="E113:F113"/>
    <mergeCell ref="E114:F114"/>
    <mergeCell ref="E115:F115"/>
    <mergeCell ref="E116:F116"/>
    <mergeCell ref="E117:F117"/>
    <mergeCell ref="E100:F100"/>
    <mergeCell ref="E101:F101"/>
    <mergeCell ref="E102:F102"/>
    <mergeCell ref="E103:F103"/>
    <mergeCell ref="E104:F104"/>
    <mergeCell ref="E105:F105"/>
    <mergeCell ref="E106:F106"/>
    <mergeCell ref="E107:F107"/>
    <mergeCell ref="E108:F108"/>
    <mergeCell ref="E89:F89"/>
    <mergeCell ref="E91:F91"/>
    <mergeCell ref="E92:F92"/>
    <mergeCell ref="E93:F93"/>
    <mergeCell ref="E94:F94"/>
    <mergeCell ref="E95:F95"/>
    <mergeCell ref="E96:F96"/>
    <mergeCell ref="E97:F97"/>
    <mergeCell ref="E98:F98"/>
    <mergeCell ref="E44:F44"/>
    <mergeCell ref="E45:F45"/>
    <mergeCell ref="E46:F46"/>
    <mergeCell ref="E48:F48"/>
    <mergeCell ref="E49:F49"/>
    <mergeCell ref="E50:F50"/>
    <mergeCell ref="E51:F51"/>
    <mergeCell ref="E53:F53"/>
    <mergeCell ref="E54:F54"/>
    <mergeCell ref="E55:F55"/>
    <mergeCell ref="E56:F56"/>
    <mergeCell ref="E57:F57"/>
    <mergeCell ref="E58:F58"/>
    <mergeCell ref="E59:F59"/>
    <mergeCell ref="E60:F60"/>
    <mergeCell ref="E61:F61"/>
    <mergeCell ref="E62:F62"/>
    <mergeCell ref="E63:F63"/>
    <mergeCell ref="E78:F78"/>
    <mergeCell ref="E85:F85"/>
    <mergeCell ref="E90:F90"/>
    <mergeCell ref="E99:F99"/>
    <mergeCell ref="E65:F65"/>
    <mergeCell ref="E66:F66"/>
    <mergeCell ref="E67:F67"/>
    <mergeCell ref="E69:F69"/>
    <mergeCell ref="E70:F70"/>
    <mergeCell ref="E71:F71"/>
    <mergeCell ref="E72:F72"/>
    <mergeCell ref="E73:F73"/>
    <mergeCell ref="E74:F74"/>
    <mergeCell ref="E76:F76"/>
    <mergeCell ref="E77:F77"/>
    <mergeCell ref="E79:F79"/>
    <mergeCell ref="E80:F80"/>
    <mergeCell ref="E81:F81"/>
    <mergeCell ref="E82:F82"/>
    <mergeCell ref="E83:F83"/>
    <mergeCell ref="E84:F84"/>
    <mergeCell ref="E86:F86"/>
    <mergeCell ref="E87:F87"/>
    <mergeCell ref="E88:F88"/>
    <mergeCell ref="E331:F331"/>
    <mergeCell ref="E309:F309"/>
    <mergeCell ref="E299:F299"/>
    <mergeCell ref="E268:F268"/>
    <mergeCell ref="E269:F269"/>
    <mergeCell ref="E270:F270"/>
    <mergeCell ref="E301:F301"/>
    <mergeCell ref="E298:F298"/>
    <mergeCell ref="E295:F295"/>
    <mergeCell ref="E296:F296"/>
    <mergeCell ref="E294:F294"/>
    <mergeCell ref="E282:F282"/>
    <mergeCell ref="E283:F283"/>
    <mergeCell ref="E284:F284"/>
    <mergeCell ref="E285:F285"/>
    <mergeCell ref="E286:F286"/>
    <mergeCell ref="E305:F305"/>
    <mergeCell ref="E306:F306"/>
    <mergeCell ref="E307:F307"/>
    <mergeCell ref="E308:F308"/>
    <mergeCell ref="E289:F289"/>
    <mergeCell ref="E315:F315"/>
    <mergeCell ref="E292:F292"/>
    <mergeCell ref="E293:F293"/>
    <mergeCell ref="E271:F271"/>
    <mergeCell ref="E302:F302"/>
    <mergeCell ref="E290:F290"/>
    <mergeCell ref="E291:F291"/>
    <mergeCell ref="E43:F43"/>
    <mergeCell ref="B246:F246"/>
    <mergeCell ref="E229:F229"/>
    <mergeCell ref="E230:F230"/>
    <mergeCell ref="E231:F231"/>
    <mergeCell ref="E265:F265"/>
    <mergeCell ref="E266:F266"/>
    <mergeCell ref="E239:F239"/>
    <mergeCell ref="E247:F247"/>
    <mergeCell ref="E274:F274"/>
    <mergeCell ref="E251:F251"/>
    <mergeCell ref="E252:F252"/>
    <mergeCell ref="E253:F253"/>
    <mergeCell ref="E254:F254"/>
    <mergeCell ref="E267:F267"/>
    <mergeCell ref="E64:F64"/>
    <mergeCell ref="E47:F47"/>
    <mergeCell ref="E52:F52"/>
    <mergeCell ref="E68:F68"/>
    <mergeCell ref="E75:F75"/>
    <mergeCell ref="E335:F335"/>
    <mergeCell ref="E233:F233"/>
    <mergeCell ref="E234:F234"/>
    <mergeCell ref="E235:F235"/>
    <mergeCell ref="E236:F236"/>
    <mergeCell ref="E237:F237"/>
    <mergeCell ref="E240:F240"/>
    <mergeCell ref="E320:F320"/>
    <mergeCell ref="E321:F321"/>
    <mergeCell ref="E322:F322"/>
    <mergeCell ref="E323:F323"/>
    <mergeCell ref="E324:F324"/>
    <mergeCell ref="E310:F310"/>
    <mergeCell ref="E330:F330"/>
    <mergeCell ref="E311:F311"/>
    <mergeCell ref="E312:F312"/>
    <mergeCell ref="E313:F313"/>
    <mergeCell ref="E314:F314"/>
    <mergeCell ref="E304:F304"/>
    <mergeCell ref="E303:F303"/>
    <mergeCell ref="E297:F297"/>
    <mergeCell ref="E300:F300"/>
    <mergeCell ref="E318:F318"/>
    <mergeCell ref="E319:F319"/>
    <mergeCell ref="E354:F354"/>
    <mergeCell ref="B348:F348"/>
    <mergeCell ref="B338:F338"/>
    <mergeCell ref="C339:F339"/>
    <mergeCell ref="C340:F340"/>
    <mergeCell ref="B341:E341"/>
    <mergeCell ref="B347:F347"/>
    <mergeCell ref="C342:D342"/>
    <mergeCell ref="C343:D343"/>
    <mergeCell ref="C344:D344"/>
    <mergeCell ref="C345:D345"/>
    <mergeCell ref="B11:F11"/>
    <mergeCell ref="B12:D12"/>
    <mergeCell ref="B13:D13"/>
    <mergeCell ref="B14:D14"/>
    <mergeCell ref="C32:D32"/>
    <mergeCell ref="B25:F25"/>
    <mergeCell ref="B226:F226"/>
    <mergeCell ref="E351:F351"/>
    <mergeCell ref="E353:F353"/>
    <mergeCell ref="C30:D30"/>
    <mergeCell ref="B34:C34"/>
    <mergeCell ref="B15:D15"/>
    <mergeCell ref="E264:F264"/>
    <mergeCell ref="B42:F42"/>
    <mergeCell ref="C31:D31"/>
    <mergeCell ref="B38:F38"/>
    <mergeCell ref="B40:C41"/>
    <mergeCell ref="B16:D16"/>
    <mergeCell ref="B22:F22"/>
    <mergeCell ref="D40:F40"/>
    <mergeCell ref="E41:F41"/>
    <mergeCell ref="E238:F238"/>
    <mergeCell ref="E249:F249"/>
    <mergeCell ref="E250:F250"/>
    <mergeCell ref="E316:F316"/>
    <mergeCell ref="E317:F317"/>
    <mergeCell ref="B2:F2"/>
    <mergeCell ref="B1:F1"/>
    <mergeCell ref="B26:C26"/>
    <mergeCell ref="B29:C29"/>
    <mergeCell ref="B242:F242"/>
    <mergeCell ref="B244:C245"/>
    <mergeCell ref="D244:F244"/>
    <mergeCell ref="E245:F245"/>
    <mergeCell ref="B24:F24"/>
    <mergeCell ref="B19:D19"/>
    <mergeCell ref="B20:D20"/>
    <mergeCell ref="B21:F21"/>
    <mergeCell ref="B23:D23"/>
    <mergeCell ref="B3:F3"/>
    <mergeCell ref="B7:F7"/>
    <mergeCell ref="B8:F8"/>
    <mergeCell ref="B9:F9"/>
    <mergeCell ref="E227:F227"/>
    <mergeCell ref="E228:F228"/>
    <mergeCell ref="E232:F232"/>
    <mergeCell ref="E255:F255"/>
    <mergeCell ref="E248:F248"/>
    <mergeCell ref="E336:F336"/>
    <mergeCell ref="B326:F326"/>
    <mergeCell ref="B328:C329"/>
    <mergeCell ref="D328:F328"/>
    <mergeCell ref="E329:F329"/>
    <mergeCell ref="E256:F256"/>
    <mergeCell ref="E257:F257"/>
    <mergeCell ref="E258:F258"/>
    <mergeCell ref="E259:F259"/>
    <mergeCell ref="E260:F260"/>
    <mergeCell ref="E261:F261"/>
    <mergeCell ref="E262:F262"/>
    <mergeCell ref="E263:F263"/>
    <mergeCell ref="E275:F275"/>
    <mergeCell ref="E276:F276"/>
    <mergeCell ref="E277:F277"/>
    <mergeCell ref="E278:F278"/>
    <mergeCell ref="E287:F287"/>
    <mergeCell ref="E288:F288"/>
    <mergeCell ref="E280:F280"/>
    <mergeCell ref="E281:F281"/>
    <mergeCell ref="E279:F279"/>
    <mergeCell ref="E272:F272"/>
    <mergeCell ref="E273:F273"/>
  </mergeCells>
  <conditionalFormatting sqref="E353:F353 D248:D324">
    <cfRule type="containsBlanks" dxfId="27" priority="124">
      <formula>LEN(TRIM(D248))=0</formula>
    </cfRule>
  </conditionalFormatting>
  <conditionalFormatting sqref="C351">
    <cfRule type="containsBlanks" dxfId="26" priority="122">
      <formula>LEN(TRIM(C351))=0</formula>
    </cfRule>
  </conditionalFormatting>
  <conditionalFormatting sqref="E354:F354">
    <cfRule type="containsBlanks" dxfId="25" priority="123">
      <formula>LEN(TRIM(E354))=0</formula>
    </cfRule>
  </conditionalFormatting>
  <conditionalFormatting sqref="C353">
    <cfRule type="containsBlanks" dxfId="24" priority="121">
      <formula>LEN(TRIM(C353))=0</formula>
    </cfRule>
  </conditionalFormatting>
  <conditionalFormatting sqref="C4:C5">
    <cfRule type="containsBlanks" dxfId="23" priority="120">
      <formula>LEN(TRIM(C4))=0</formula>
    </cfRule>
  </conditionalFormatting>
  <conditionalFormatting sqref="D330:D335">
    <cfRule type="containsBlanks" dxfId="22" priority="114">
      <formula>LEN(TRIM(D330))=0</formula>
    </cfRule>
  </conditionalFormatting>
  <conditionalFormatting sqref="C344:D344">
    <cfRule type="containsBlanks" dxfId="21" priority="110">
      <formula>LEN(TRIM(C344))=0</formula>
    </cfRule>
  </conditionalFormatting>
  <conditionalFormatting sqref="C343:D343">
    <cfRule type="containsBlanks" dxfId="20" priority="61">
      <formula>LEN(TRIM(C343))=0</formula>
    </cfRule>
  </conditionalFormatting>
  <conditionalFormatting sqref="C342:D342">
    <cfRule type="containsBlanks" dxfId="19" priority="60">
      <formula>LEN(TRIM(C342))=0</formula>
    </cfRule>
  </conditionalFormatting>
  <conditionalFormatting sqref="C345:D345">
    <cfRule type="containsBlanks" dxfId="18" priority="59">
      <formula>LEN(TRIM(C345))=0</formula>
    </cfRule>
  </conditionalFormatting>
  <conditionalFormatting sqref="D247">
    <cfRule type="containsBlanks" dxfId="17" priority="54">
      <formula>LEN(TRIM(D247))=0</formula>
    </cfRule>
  </conditionalFormatting>
  <conditionalFormatting sqref="D336">
    <cfRule type="containsBlanks" dxfId="16" priority="52">
      <formula>LEN(TRIM(D336))=0</formula>
    </cfRule>
  </conditionalFormatting>
  <conditionalFormatting sqref="D43:D46 D48:D51 D53:D67 D69:D74 D76:D77 D79:D84 D86:D89 D91:D98 D100:D156 D158:D174 D176:D198 D200:D207 D209:D210 D212 D214:D225">
    <cfRule type="containsBlanks" dxfId="15" priority="40">
      <formula>LEN(TRIM(D43))=0</formula>
    </cfRule>
  </conditionalFormatting>
  <conditionalFormatting sqref="D227:D240">
    <cfRule type="containsBlanks" dxfId="14" priority="16">
      <formula>LEN(TRIM(D227))=0</formula>
    </cfRule>
  </conditionalFormatting>
  <conditionalFormatting sqref="D47">
    <cfRule type="containsBlanks" dxfId="13" priority="14">
      <formula>LEN(TRIM(D47))=0</formula>
    </cfRule>
  </conditionalFormatting>
  <conditionalFormatting sqref="D52">
    <cfRule type="containsBlanks" dxfId="12" priority="13">
      <formula>LEN(TRIM(D52))=0</formula>
    </cfRule>
  </conditionalFormatting>
  <conditionalFormatting sqref="D68">
    <cfRule type="containsBlanks" dxfId="11" priority="12">
      <formula>LEN(TRIM(D68))=0</formula>
    </cfRule>
  </conditionalFormatting>
  <conditionalFormatting sqref="D75">
    <cfRule type="containsBlanks" dxfId="10" priority="11">
      <formula>LEN(TRIM(D75))=0</formula>
    </cfRule>
  </conditionalFormatting>
  <conditionalFormatting sqref="D78">
    <cfRule type="containsBlanks" dxfId="9" priority="10">
      <formula>LEN(TRIM(D78))=0</formula>
    </cfRule>
  </conditionalFormatting>
  <conditionalFormatting sqref="D85">
    <cfRule type="containsBlanks" dxfId="8" priority="9">
      <formula>LEN(TRIM(D85))=0</formula>
    </cfRule>
  </conditionalFormatting>
  <conditionalFormatting sqref="D90">
    <cfRule type="containsBlanks" dxfId="7" priority="8">
      <formula>LEN(TRIM(D90))=0</formula>
    </cfRule>
  </conditionalFormatting>
  <conditionalFormatting sqref="D99">
    <cfRule type="containsBlanks" dxfId="6" priority="7">
      <formula>LEN(TRIM(D99))=0</formula>
    </cfRule>
  </conditionalFormatting>
  <conditionalFormatting sqref="D157">
    <cfRule type="containsBlanks" dxfId="5" priority="6">
      <formula>LEN(TRIM(D157))=0</formula>
    </cfRule>
  </conditionalFormatting>
  <conditionalFormatting sqref="D175">
    <cfRule type="containsBlanks" dxfId="4" priority="5">
      <formula>LEN(TRIM(D175))=0</formula>
    </cfRule>
  </conditionalFormatting>
  <conditionalFormatting sqref="D199">
    <cfRule type="containsBlanks" dxfId="3" priority="4">
      <formula>LEN(TRIM(D199))=0</formula>
    </cfRule>
  </conditionalFormatting>
  <conditionalFormatting sqref="D208">
    <cfRule type="containsBlanks" dxfId="2" priority="3">
      <formula>LEN(TRIM(D208))=0</formula>
    </cfRule>
  </conditionalFormatting>
  <conditionalFormatting sqref="D211">
    <cfRule type="containsBlanks" dxfId="1" priority="2">
      <formula>LEN(TRIM(D211))=0</formula>
    </cfRule>
  </conditionalFormatting>
  <conditionalFormatting sqref="D213">
    <cfRule type="containsBlanks" dxfId="0" priority="1">
      <formula>LEN(TRIM(D213))=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225" min="1" max="5" man="1"/>
    <brk id="256" min="1" max="5" man="1"/>
    <brk id="273"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4</xdr:row>
                    <xdr:rowOff>9525</xdr:rowOff>
                  </from>
                  <to>
                    <xdr:col>1</xdr:col>
                    <xdr:colOff>885825</xdr:colOff>
                    <xdr:row>3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5</xdr:row>
                    <xdr:rowOff>0</xdr:rowOff>
                  </from>
                  <to>
                    <xdr:col>1</xdr:col>
                    <xdr:colOff>885825</xdr:colOff>
                    <xdr:row>35</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04-24T09:25:37Z</cp:lastPrinted>
  <dcterms:created xsi:type="dcterms:W3CDTF">2017-04-21T05:51:15Z</dcterms:created>
  <dcterms:modified xsi:type="dcterms:W3CDTF">2023-04-25T07:17:32Z</dcterms:modified>
</cp:coreProperties>
</file>